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304DC2"/>
    <a:srgbClr val="F2C7AE"/>
    <a:srgbClr val="EFDCE4"/>
    <a:srgbClr val="EEAF96"/>
    <a:srgbClr val="C7D3E0"/>
    <a:srgbClr val="CAD9E5"/>
    <a:srgbClr val="C1E0D6"/>
    <a:srgbClr val="C2E0D6"/>
    <a:srgbClr val="A5A5A5"/>
    <a:srgbClr val="CF5D3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0" d="100"/>
          <a:sy n="100" d="100"/>
        </p:scale>
        <p:origin x="108" y="62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BEE3F7-AE88-D54D-5D8B-50CFDC3604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64EE41-0B14-2537-41E7-652BE52B2DD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6B6634-D0A4-0446-6914-836F2ADAF5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1A4CDD-E735-35B7-6A25-A2835FF7BF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00A72D-1040-0B3E-0D35-3B6C67051C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30036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7B1C0C-605E-45F3-FA17-8B329DFB2E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A8C2982-DA7A-CBBC-4169-618FF32D84F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847A9B-A7F2-D6AB-961B-40AEFDF173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D622AC-D070-2332-3297-3EAA047DD9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A85C-DC7A-6069-F031-61B9549756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9547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62C1D5D-D26B-9CD4-EE6B-B4D70675C86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962EEDA-6446-858D-36F1-C0E9DB7085A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5575476-3DA8-7246-7D70-5E7403712F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CB59D8-05A1-78CC-E2AF-2437ABB2C6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8B5E22-CE05-97B2-0A3A-C5EA8813FF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26575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64BA43-9F63-4416-FA7A-940DAC714C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4484571-12B3-3C56-ABCC-DEA3A30D5DA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634D84D-67D2-A641-E569-82FF429E2F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6230E9-14FA-F38A-480B-82DCD9E591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86AB0E-8358-08A1-B8F2-A02401E404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31358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64429E-3979-ED6D-69C2-E782E0F29A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25D3878-8972-5634-563A-03081886D6C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D4BE050-935C-07F9-3351-B762112794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12D759F-ADCB-C13F-22DA-FFB3BBB3E6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BE9AF3B-558B-5EDD-262C-6836DCE25D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4337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A470B5-3168-023F-095A-BFB3788B5C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B9537F-DEFF-6DCC-B9FF-BD88DFC2C1B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ACB1D31-1516-E773-C93F-8E1C25BC66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806BC3-856D-E04E-18AE-0D2AC35DE5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1ECEC2A-EFD6-9528-08A0-F3B5125378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D19042E-28F6-2F31-F3D0-3D5E3A508D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59827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8C0250-FC31-2B7C-887A-811507471F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C78896-1B66-1601-6D03-B7101BBA1D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D83A240-B503-B308-6A59-571A4821313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0C45D7E-AF82-1F22-A9D9-647B900B5FE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FF3B09A-C727-D441-8998-3CB8AA3F2CE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3D5D21D-A79A-D0E2-19E0-394086AC30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1FED0FD-3BE1-7C80-4B0E-9AFB5643CF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83AC7C4-3F65-17F7-B52B-CAEDF26C1D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83088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D29B5-908B-DF9C-41D1-86D9D1E073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3CB157-9E71-39F4-F40E-168A778244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36BC1E7-01AC-665C-4725-65736E1237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D59A7E3-7B12-C451-9D3E-FA76BE5EFF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694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AC92750-9E79-8D2A-DC3F-D438E50BCC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9AD42A-EDFB-B539-3BA7-15CD2EF349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979FE8-E5CD-8901-20DC-6EC07B4C46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92825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7EAD94-B374-9286-82BF-05E397ADE5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A296C6-07AB-43F8-AB3F-35353917FA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59C47A3-FB0A-6450-1568-E36C456C95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F1C0276-F287-006F-25D5-0383301155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720B186-8E05-CC4E-6885-F1B711710B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57B0E5-C242-4AFC-08D2-09DABDCE93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6444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0190183-4B9A-5C9E-A3E7-B358CB8BA3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E22C970-72E3-4E7F-AFBA-8890DB970F9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EFFFE05-8CF2-3ED3-03FA-20772B8ADFF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8B60339-337A-0C55-224F-36BBE7A3D6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423B75-2502-0DDF-DE6B-2A04F4ECA1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4167946-6F7F-803B-1610-E70546FEA5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34252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143B8F5-A3B4-9A7F-F5B8-693DBBE606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AFE7C85-595E-7260-AF4C-717D0AD13B4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64EFA5-1B8E-9FB8-82D6-4A36BD93D59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C47EC0-5CE1-4ECA-B048-C3D1FA6757C6}" type="datetimeFigureOut">
              <a:rPr lang="en-US" smtClean="0"/>
              <a:t>10/30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9160D5-3BA3-0954-F50A-D707975E63A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BE22B8-CD2C-D649-0EE9-7D0BFEA0E98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93388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5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4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microsoft.com/office/2007/relationships/hdphoto" Target="../media/hdphoto1.wdp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3.jpe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rgbClr val="304DC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9" name="Picture 238" descr="A person in a white dress&#10;&#10;Description automatically generated">
            <a:extLst>
              <a:ext uri="{FF2B5EF4-FFF2-40B4-BE49-F238E27FC236}">
                <a16:creationId xmlns:a16="http://schemas.microsoft.com/office/drawing/2014/main" id="{AAF1FE5E-26E1-5B97-8DA5-96D26E2ACDE5}"/>
              </a:ext>
            </a:extLst>
          </p:cNvPr>
          <p:cNvPicPr>
            <a:picLocks noChangeAspect="1"/>
          </p:cNvPicPr>
          <p:nvPr/>
        </p:nvPicPr>
        <p:blipFill rotWithShape="1">
          <a:blip r:embed="rId1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532" y="0"/>
            <a:ext cx="6971202" cy="6858000"/>
          </a:xfrm>
          <a:prstGeom prst="rect">
            <a:avLst/>
          </a:prstGeom>
          <a:effectLst>
            <a:softEdge rad="635000"/>
          </a:effectLst>
        </p:spPr>
      </p:pic>
      <p:sp>
        <p:nvSpPr>
          <p:cNvPr id="60" name="OTLSHAPE_SL_a3f898154e9c41a5a1d73e3c0239ce69_BackgroundRectangle">
            <a:extLst>
              <a:ext uri="{FF2B5EF4-FFF2-40B4-BE49-F238E27FC236}">
                <a16:creationId xmlns:a16="http://schemas.microsoft.com/office/drawing/2014/main" id="{93380D5C-175F-83C1-A832-B1D9ECA805D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970020"/>
            <a:ext cx="11290300" cy="2216150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_a1c16e63210b4130951cb1fdd21586ee_BackgroundRectangle">
            <a:extLst>
              <a:ext uri="{FF2B5EF4-FFF2-40B4-BE49-F238E27FC236}">
                <a16:creationId xmlns:a16="http://schemas.microsoft.com/office/drawing/2014/main" id="{D238093B-B15D-389F-B29F-09511B9A840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369820"/>
            <a:ext cx="11290300" cy="1562100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" name="OTLSHAPE_M_6145d9f0d9bb443f8ff9e71c934c79fd_Connector1">
            <a:extLst>
              <a:ext uri="{FF2B5EF4-FFF2-40B4-BE49-F238E27FC236}">
                <a16:creationId xmlns:a16="http://schemas.microsoft.com/office/drawing/2014/main" id="{011A77C2-31A5-9A4F-5FF7-9CD08BB3152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923377" y="1582125"/>
            <a:ext cx="0" cy="381295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af436ab5fbd40b58937e30bf5664c3d_Connector1">
            <a:extLst>
              <a:ext uri="{FF2B5EF4-FFF2-40B4-BE49-F238E27FC236}">
                <a16:creationId xmlns:a16="http://schemas.microsoft.com/office/drawing/2014/main" id="{C26F844B-2ABF-7E65-F046-72E060076867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790388" y="1152540"/>
            <a:ext cx="0" cy="81088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2aa715e2f87a4b03bf7e2dc18c7224c1_Connector1">
            <a:extLst>
              <a:ext uri="{FF2B5EF4-FFF2-40B4-BE49-F238E27FC236}">
                <a16:creationId xmlns:a16="http://schemas.microsoft.com/office/drawing/2014/main" id="{AAD1CAF1-B8F9-DEDE-271A-F15CA68F1D2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835118" y="1015055"/>
            <a:ext cx="0" cy="25414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M_2aa715e2f87a4b03bf7e2dc18c7224c1_Connector2">
            <a:extLst>
              <a:ext uri="{FF2B5EF4-FFF2-40B4-BE49-F238E27FC236}">
                <a16:creationId xmlns:a16="http://schemas.microsoft.com/office/drawing/2014/main" id="{0CCDEDA9-1A71-DAEF-5E36-E0E3C5930B1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835118" y="1561302"/>
            <a:ext cx="0" cy="402117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2cd9ec16efbb43709607600e796b7a9e_Connector1">
            <a:extLst>
              <a:ext uri="{FF2B5EF4-FFF2-40B4-BE49-F238E27FC236}">
                <a16:creationId xmlns:a16="http://schemas.microsoft.com/office/drawing/2014/main" id="{FCFD233B-020E-B9FC-9FC4-5132F72FF99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62836" y="1599845"/>
            <a:ext cx="0" cy="36357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1f2a8885f46b477dbb3bcd4072cbaeb5_Connector1">
            <a:extLst>
              <a:ext uri="{FF2B5EF4-FFF2-40B4-BE49-F238E27FC236}">
                <a16:creationId xmlns:a16="http://schemas.microsoft.com/office/drawing/2014/main" id="{56E391E4-A956-DBD8-9750-A020FD58B26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511424" y="1697311"/>
            <a:ext cx="0" cy="26610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9d167702410845c8b7806125a4e8f1b9_Connector1">
            <a:extLst>
              <a:ext uri="{FF2B5EF4-FFF2-40B4-BE49-F238E27FC236}">
                <a16:creationId xmlns:a16="http://schemas.microsoft.com/office/drawing/2014/main" id="{6106AD54-6734-7F7F-427C-194120AD7E27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935581" y="1768194"/>
            <a:ext cx="0" cy="195226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5f0d2f4fb769479eb62a76691708affe_Connector1">
            <a:extLst>
              <a:ext uri="{FF2B5EF4-FFF2-40B4-BE49-F238E27FC236}">
                <a16:creationId xmlns:a16="http://schemas.microsoft.com/office/drawing/2014/main" id="{7909DFBD-3919-331C-374C-43B62B536B73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820678" y="1715032"/>
            <a:ext cx="0" cy="2483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0767eb6d967b496fad9cbff4e5e67f07_Connector1">
            <a:extLst>
              <a:ext uri="{FF2B5EF4-FFF2-40B4-BE49-F238E27FC236}">
                <a16:creationId xmlns:a16="http://schemas.microsoft.com/office/drawing/2014/main" id="{E90FAD8F-D02D-60F2-2395-41EE0CBD138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1011383" y="1732752"/>
            <a:ext cx="0" cy="23066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OTLSHAPE_SL_a3f898154e9c41a5a1d73e3c0239ce69_HeaderRectangle">
            <a:extLst>
              <a:ext uri="{FF2B5EF4-FFF2-40B4-BE49-F238E27FC236}">
                <a16:creationId xmlns:a16="http://schemas.microsoft.com/office/drawing/2014/main" id="{F7FB74D1-5ADA-3EC0-C68F-B9662386AE7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970020"/>
            <a:ext cx="901700" cy="22161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69369AE-54B5-0850-A57B-0BD93A5CF942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1988820"/>
            <a:ext cx="10261600" cy="254000"/>
          </a:xfrm>
          <a:prstGeom prst="roundRect">
            <a:avLst/>
          </a:prstGeom>
          <a:solidFill>
            <a:srgbClr val="C2E0D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_a1c16e63210b4130951cb1fdd21586ee_HeaderRectangle">
            <a:extLst>
              <a:ext uri="{FF2B5EF4-FFF2-40B4-BE49-F238E27FC236}">
                <a16:creationId xmlns:a16="http://schemas.microsoft.com/office/drawing/2014/main" id="{0C38588A-7FA2-21D0-423A-D5022B5D084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369820"/>
            <a:ext cx="901700" cy="15621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7e77ddf815124da68017d062784eaa47_Shape">
            <a:extLst>
              <a:ext uri="{FF2B5EF4-FFF2-40B4-BE49-F238E27FC236}">
                <a16:creationId xmlns:a16="http://schemas.microsoft.com/office/drawing/2014/main" id="{2BCAD4D6-4281-92BD-C62F-5956F814B1F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091801" y="2553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M_f5784c1b7e434641887b20f4099b4aba_Shape">
            <a:extLst>
              <a:ext uri="{FF2B5EF4-FFF2-40B4-BE49-F238E27FC236}">
                <a16:creationId xmlns:a16="http://schemas.microsoft.com/office/drawing/2014/main" id="{5D2206FB-A5F0-5C71-05DC-27D73249BA36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674411" y="3061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217290cdb2a547179cdcbce5b062d85c_Shape">
            <a:extLst>
              <a:ext uri="{FF2B5EF4-FFF2-40B4-BE49-F238E27FC236}">
                <a16:creationId xmlns:a16="http://schemas.microsoft.com/office/drawing/2014/main" id="{E4009324-D5BC-06ED-3F6F-C83FC64995B8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230503" y="3569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b583d8c5aec24e55b70ba52c099b66ec_Shape">
            <a:extLst>
              <a:ext uri="{FF2B5EF4-FFF2-40B4-BE49-F238E27FC236}">
                <a16:creationId xmlns:a16="http://schemas.microsoft.com/office/drawing/2014/main" id="{076F4501-CCFE-770C-0F86-FB3F3FA9C2C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798294" y="3061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fcb28da2933842d996ef5fad89a7630c_Shape">
            <a:extLst>
              <a:ext uri="{FF2B5EF4-FFF2-40B4-BE49-F238E27FC236}">
                <a16:creationId xmlns:a16="http://schemas.microsoft.com/office/drawing/2014/main" id="{FA5A072A-9392-917E-854E-C858B283582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371545" y="2553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68e09aadb0f449418d17a1e989106225_Shape">
            <a:extLst>
              <a:ext uri="{FF2B5EF4-FFF2-40B4-BE49-F238E27FC236}">
                <a16:creationId xmlns:a16="http://schemas.microsoft.com/office/drawing/2014/main" id="{2D6D4FBE-A31F-CC7C-A93F-1F4CA945369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237270" y="3061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977fd53889bb4581bfe6eee14e751e20_Shape">
            <a:extLst>
              <a:ext uri="{FF2B5EF4-FFF2-40B4-BE49-F238E27FC236}">
                <a16:creationId xmlns:a16="http://schemas.microsoft.com/office/drawing/2014/main" id="{8D0DC502-FE99-D3E2-1C67-4BF5A7BC26C4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745006" y="2553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87894e99d08c445bad59ec1d16299d02_Shape">
            <a:extLst>
              <a:ext uri="{FF2B5EF4-FFF2-40B4-BE49-F238E27FC236}">
                <a16:creationId xmlns:a16="http://schemas.microsoft.com/office/drawing/2014/main" id="{CAC9085E-0F1C-664F-C866-5E59EB15154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007064" y="3061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M_ad9156f9c8f04259a7c1e70ee80ee242_Shape">
            <a:extLst>
              <a:ext uri="{FF2B5EF4-FFF2-40B4-BE49-F238E27FC236}">
                <a16:creationId xmlns:a16="http://schemas.microsoft.com/office/drawing/2014/main" id="{14FE2128-955D-F70A-EED2-49AAC68DC13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116254" y="3569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d39ef8959aad46ee836f99c19c127082_Shape">
            <a:extLst>
              <a:ext uri="{FF2B5EF4-FFF2-40B4-BE49-F238E27FC236}">
                <a16:creationId xmlns:a16="http://schemas.microsoft.com/office/drawing/2014/main" id="{4E61CC5C-94DF-E9E4-5A19-4361F7AD9D0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645828" y="255397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M_a174452149ee45de8e782c4c720b8d03_Shape">
            <a:extLst>
              <a:ext uri="{FF2B5EF4-FFF2-40B4-BE49-F238E27FC236}">
                <a16:creationId xmlns:a16="http://schemas.microsoft.com/office/drawing/2014/main" id="{32A71074-A9FD-BBC1-5AAA-75C8FC92676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92075" y="406527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M_05fedecf2e8642dfbbb75d51ea32e8c1_Shape">
            <a:extLst>
              <a:ext uri="{FF2B5EF4-FFF2-40B4-BE49-F238E27FC236}">
                <a16:creationId xmlns:a16="http://schemas.microsoft.com/office/drawing/2014/main" id="{9158E17E-3D55-80A9-921F-0C81A3EF74A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784381" y="406527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M_90478f6232d941d6bcdc6fd88716125c_Shape">
            <a:extLst>
              <a:ext uri="{FF2B5EF4-FFF2-40B4-BE49-F238E27FC236}">
                <a16:creationId xmlns:a16="http://schemas.microsoft.com/office/drawing/2014/main" id="{1A447F69-7AC0-2DCE-780A-3FE51D0BF6E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926329" y="45542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M_eebef4f09caf475eab0b71bbfbd6c08e_Shape">
            <a:extLst>
              <a:ext uri="{FF2B5EF4-FFF2-40B4-BE49-F238E27FC236}">
                <a16:creationId xmlns:a16="http://schemas.microsoft.com/office/drawing/2014/main" id="{F96B240D-B457-04F3-F38B-1EAEBABBD3D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998863" y="5278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M_37eb2f0fcfbd459e8f3f6f5da0d1b85f_Shape">
            <a:extLst>
              <a:ext uri="{FF2B5EF4-FFF2-40B4-BE49-F238E27FC236}">
                <a16:creationId xmlns:a16="http://schemas.microsoft.com/office/drawing/2014/main" id="{9318DA74-6CDF-194C-B626-006FC520673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283538" y="576707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M_140d18ba055d497f8498337caffd208a_Shape">
            <a:extLst>
              <a:ext uri="{FF2B5EF4-FFF2-40B4-BE49-F238E27FC236}">
                <a16:creationId xmlns:a16="http://schemas.microsoft.com/office/drawing/2014/main" id="{7254AFCB-D414-3B84-648B-B0788965925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397282" y="5278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M_3afe686e89ac49a384b66d9bbfdcfdbf_Shape">
            <a:extLst>
              <a:ext uri="{FF2B5EF4-FFF2-40B4-BE49-F238E27FC236}">
                <a16:creationId xmlns:a16="http://schemas.microsoft.com/office/drawing/2014/main" id="{0A344135-7EFF-0A1E-B934-D960BEF6E4A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847177" y="45542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SLM_360bbdcee45c4d22ab5a883573de444c_Shape">
            <a:extLst>
              <a:ext uri="{FF2B5EF4-FFF2-40B4-BE49-F238E27FC236}">
                <a16:creationId xmlns:a16="http://schemas.microsoft.com/office/drawing/2014/main" id="{B138B9E9-CF5D-CB71-81CB-4A9E52DA077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900086" y="5278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_a1c16e63210b4130951cb1fdd21586ee_Header">
            <a:extLst>
              <a:ext uri="{FF2B5EF4-FFF2-40B4-BE49-F238E27FC236}">
                <a16:creationId xmlns:a16="http://schemas.microsoft.com/office/drawing/2014/main" id="{95C2264D-CE3C-655D-B094-76546CC2556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063240"/>
            <a:ext cx="901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Arial Black" panose="020B0A04020102020204" pitchFamily="34" charset="0"/>
              </a:rPr>
              <a:t>Albums</a:t>
            </a:r>
          </a:p>
        </p:txBody>
      </p:sp>
      <p:sp>
        <p:nvSpPr>
          <p:cNvPr id="62" name="OTLSHAPE_SL_a3f898154e9c41a5a1d73e3c0239ce69_Header">
            <a:extLst>
              <a:ext uri="{FF2B5EF4-FFF2-40B4-BE49-F238E27FC236}">
                <a16:creationId xmlns:a16="http://schemas.microsoft.com/office/drawing/2014/main" id="{62EFFEBA-1C82-B921-3444-9C4E80A49CE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4990465"/>
            <a:ext cx="901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Arial Black" panose="020B0A04020102020204" pitchFamily="34" charset="0"/>
              </a:rPr>
              <a:t>Awards</a:t>
            </a:r>
          </a:p>
        </p:txBody>
      </p:sp>
      <p:sp>
        <p:nvSpPr>
          <p:cNvPr id="109" name="OTLSHAPE_SLM_a174452149ee45de8e782c4c720b8d03_Date">
            <a:extLst>
              <a:ext uri="{FF2B5EF4-FFF2-40B4-BE49-F238E27FC236}">
                <a16:creationId xmlns:a16="http://schemas.microsoft.com/office/drawing/2014/main" id="{F2300C44-650B-7F55-F90B-C7AEC49935C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27051" y="430022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7</a:t>
            </a:r>
          </a:p>
        </p:txBody>
      </p:sp>
      <p:sp>
        <p:nvSpPr>
          <p:cNvPr id="112" name="OTLSHAPE_SLM_05fedecf2e8642dfbbb75d51ea32e8c1_Date">
            <a:extLst>
              <a:ext uri="{FF2B5EF4-FFF2-40B4-BE49-F238E27FC236}">
                <a16:creationId xmlns:a16="http://schemas.microsoft.com/office/drawing/2014/main" id="{DC6B2762-C124-4F60-383B-9B8A041875B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719357" y="430022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09</a:t>
            </a:r>
          </a:p>
        </p:txBody>
      </p:sp>
      <p:sp>
        <p:nvSpPr>
          <p:cNvPr id="115" name="OTLSHAPE_SLM_90478f6232d941d6bcdc6fd88716125c_Date">
            <a:extLst>
              <a:ext uri="{FF2B5EF4-FFF2-40B4-BE49-F238E27FC236}">
                <a16:creationId xmlns:a16="http://schemas.microsoft.com/office/drawing/2014/main" id="{CE96B593-EDCD-5064-1299-BB212AB276F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861305" y="47891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9</a:t>
            </a:r>
          </a:p>
        </p:txBody>
      </p:sp>
      <p:sp>
        <p:nvSpPr>
          <p:cNvPr id="118" name="OTLSHAPE_SLM_eebef4f09caf475eab0b71bbfbd6c08e_Date">
            <a:extLst>
              <a:ext uri="{FF2B5EF4-FFF2-40B4-BE49-F238E27FC236}">
                <a16:creationId xmlns:a16="http://schemas.microsoft.com/office/drawing/2014/main" id="{4C65133D-0BF0-0055-BC22-A0D06B56104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933839" y="55130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0</a:t>
            </a:r>
          </a:p>
        </p:txBody>
      </p:sp>
      <p:sp>
        <p:nvSpPr>
          <p:cNvPr id="124" name="OTLSHAPE_SLM_37eb2f0fcfbd459e8f3f6f5da0d1b85f_Date">
            <a:extLst>
              <a:ext uri="{FF2B5EF4-FFF2-40B4-BE49-F238E27FC236}">
                <a16:creationId xmlns:a16="http://schemas.microsoft.com/office/drawing/2014/main" id="{75B711CF-70CF-BD18-F565-0D227C0A22C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223213" y="600202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6" dirty="0">
                <a:solidFill>
                  <a:schemeClr val="accent3"/>
                </a:solidFill>
                <a:latin typeface="Arial" panose="020B0604020202020204" pitchFamily="34" charset="0"/>
              </a:rPr>
              <a:t>2011</a:t>
            </a:r>
          </a:p>
        </p:txBody>
      </p:sp>
      <p:sp>
        <p:nvSpPr>
          <p:cNvPr id="127" name="OTLSHAPE_SLM_140d18ba055d497f8498337caffd208a_Date">
            <a:extLst>
              <a:ext uri="{FF2B5EF4-FFF2-40B4-BE49-F238E27FC236}">
                <a16:creationId xmlns:a16="http://schemas.microsoft.com/office/drawing/2014/main" id="{B2FC6B54-0E41-9D71-9965-F75017A2B80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8332258" y="545592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14</a:t>
            </a:r>
          </a:p>
        </p:txBody>
      </p:sp>
      <p:sp>
        <p:nvSpPr>
          <p:cNvPr id="133" name="OTLSHAPE_SLM_3afe686e89ac49a384b66d9bbfdcfdbf_Date">
            <a:extLst>
              <a:ext uri="{FF2B5EF4-FFF2-40B4-BE49-F238E27FC236}">
                <a16:creationId xmlns:a16="http://schemas.microsoft.com/office/drawing/2014/main" id="{706EB81F-47F2-F86B-D6C4-96AC69B6737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9782153" y="47891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76" name="OTLSHAPE_SLM_f5784c1b7e434641887b20f4099b4aba_Date">
            <a:extLst>
              <a:ext uri="{FF2B5EF4-FFF2-40B4-BE49-F238E27FC236}">
                <a16:creationId xmlns:a16="http://schemas.microsoft.com/office/drawing/2014/main" id="{9241F537-326B-F5FD-CA7F-860D7B0DE41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609387" y="3239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8</a:t>
            </a:r>
          </a:p>
        </p:txBody>
      </p:sp>
      <p:sp>
        <p:nvSpPr>
          <p:cNvPr id="79" name="OTLSHAPE_SLM_217290cdb2a547179cdcbce5b062d85c_Date">
            <a:extLst>
              <a:ext uri="{FF2B5EF4-FFF2-40B4-BE49-F238E27FC236}">
                <a16:creationId xmlns:a16="http://schemas.microsoft.com/office/drawing/2014/main" id="{BAE4F6FC-4A38-D84A-94AB-7B5C6F15A1B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165479" y="3747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0</a:t>
            </a:r>
          </a:p>
        </p:txBody>
      </p:sp>
      <p:sp>
        <p:nvSpPr>
          <p:cNvPr id="82" name="OTLSHAPE_SLM_b583d8c5aec24e55b70ba52c099b66ec_Date">
            <a:extLst>
              <a:ext uri="{FF2B5EF4-FFF2-40B4-BE49-F238E27FC236}">
                <a16:creationId xmlns:a16="http://schemas.microsoft.com/office/drawing/2014/main" id="{F3EFD074-78F0-996C-C70F-32703CC150F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733270" y="3239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2</a:t>
            </a:r>
          </a:p>
        </p:txBody>
      </p:sp>
      <p:sp>
        <p:nvSpPr>
          <p:cNvPr id="85" name="OTLSHAPE_SLM_fcb28da2933842d996ef5fad89a7630c_Date">
            <a:extLst>
              <a:ext uri="{FF2B5EF4-FFF2-40B4-BE49-F238E27FC236}">
                <a16:creationId xmlns:a16="http://schemas.microsoft.com/office/drawing/2014/main" id="{66E75B9F-CEB5-E4A4-0575-9CD9F35B4EF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306520" y="2731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4</a:t>
            </a:r>
          </a:p>
        </p:txBody>
      </p:sp>
      <p:sp>
        <p:nvSpPr>
          <p:cNvPr id="88" name="OTLSHAPE_SLM_68e09aadb0f449418d17a1e989106225_Date">
            <a:extLst>
              <a:ext uri="{FF2B5EF4-FFF2-40B4-BE49-F238E27FC236}">
                <a16:creationId xmlns:a16="http://schemas.microsoft.com/office/drawing/2014/main" id="{87AF36AB-C7DA-4085-0C64-83488B9070B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172246" y="3239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17</a:t>
            </a:r>
          </a:p>
        </p:txBody>
      </p:sp>
      <p:sp>
        <p:nvSpPr>
          <p:cNvPr id="91" name="OTLSHAPE_SLM_977fd53889bb4581bfe6eee14e751e20_Date">
            <a:extLst>
              <a:ext uri="{FF2B5EF4-FFF2-40B4-BE49-F238E27FC236}">
                <a16:creationId xmlns:a16="http://schemas.microsoft.com/office/drawing/2014/main" id="{FE364CEC-6904-33DB-2980-68750A83A4B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679982" y="2731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19</a:t>
            </a:r>
          </a:p>
        </p:txBody>
      </p:sp>
      <p:sp>
        <p:nvSpPr>
          <p:cNvPr id="94" name="OTLSHAPE_SLM_87894e99d08c445bad59ec1d16299d02_Date">
            <a:extLst>
              <a:ext uri="{FF2B5EF4-FFF2-40B4-BE49-F238E27FC236}">
                <a16:creationId xmlns:a16="http://schemas.microsoft.com/office/drawing/2014/main" id="{E2E3A70F-F269-D5FE-418C-C64A56CB0A13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942040" y="3239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97" name="OTLSHAPE_SLM_ad9156f9c8f04259a7c1e70ee80ee242_Date">
            <a:extLst>
              <a:ext uri="{FF2B5EF4-FFF2-40B4-BE49-F238E27FC236}">
                <a16:creationId xmlns:a16="http://schemas.microsoft.com/office/drawing/2014/main" id="{9AA7FADE-DCA7-533A-8221-4E21B355202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051230" y="3747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100" name="OTLSHAPE_SLM_d39ef8959aad46ee836f99c19c127082_Date">
            <a:extLst>
              <a:ext uri="{FF2B5EF4-FFF2-40B4-BE49-F238E27FC236}">
                <a16:creationId xmlns:a16="http://schemas.microsoft.com/office/drawing/2014/main" id="{86D6166A-4E80-CB9B-3D97-D3DFA0867BE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580804" y="2731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2</a:t>
            </a:r>
          </a:p>
        </p:txBody>
      </p:sp>
      <p:sp>
        <p:nvSpPr>
          <p:cNvPr id="73" name="OTLSHAPE_SLM_7e77ddf815124da68017d062784eaa47_Date">
            <a:extLst>
              <a:ext uri="{FF2B5EF4-FFF2-40B4-BE49-F238E27FC236}">
                <a16:creationId xmlns:a16="http://schemas.microsoft.com/office/drawing/2014/main" id="{30823DC1-639C-BE63-CDF4-D308B7ABAAA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026777" y="27317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6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2C4813AF-469C-C9B7-C146-AE08D44E3F3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155700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 dirty="0">
                <a:solidFill>
                  <a:schemeClr val="dk1"/>
                </a:solidFill>
                <a:latin typeface="Arial" panose="020B0604020202020204" pitchFamily="34" charset="0"/>
              </a:rPr>
              <a:t>1989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EBDE218-5F28-BF83-5499-3D1B70BD1FD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009726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1992</a:t>
            </a:r>
            <a:endParaRPr lang="en-US" sz="1100" b="1" spc="-2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3C51DA5-71F6-AAD7-F058-2320DA0E84CD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864533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199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CAA878A-58F2-55B8-31DC-A302FD92E0F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719339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1998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466F78B9-3D91-39F6-D3E9-C421B95DFB7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574145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0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7925511-D4D4-E6C8-F120-EBDF7B5A36B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428171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04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C5790E99-D476-0FA5-82EC-88591618825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282977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07</a:t>
            </a:r>
          </a:p>
        </p:txBody>
      </p:sp>
      <p:sp>
        <p:nvSpPr>
          <p:cNvPr id="74" name="OTLSHAPE_SLM_7e77ddf815124da68017d062784eaa47_Title">
            <a:extLst>
              <a:ext uri="{FF2B5EF4-FFF2-40B4-BE49-F238E27FC236}">
                <a16:creationId xmlns:a16="http://schemas.microsoft.com/office/drawing/2014/main" id="{EAE7E3FA-64EA-5CC3-1432-6188E3F617E6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749388" y="2407920"/>
            <a:ext cx="856523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0" dirty="0">
                <a:solidFill>
                  <a:schemeClr val="lt1"/>
                </a:solidFill>
                <a:latin typeface="Arial" panose="020B0604020202020204" pitchFamily="34" charset="0"/>
              </a:rPr>
              <a:t>“Taylor Swift”</a:t>
            </a:r>
          </a:p>
        </p:txBody>
      </p:sp>
      <p:sp>
        <p:nvSpPr>
          <p:cNvPr id="77" name="OTLSHAPE_SLM_f5784c1b7e434641887b20f4099b4aba_Title">
            <a:extLst>
              <a:ext uri="{FF2B5EF4-FFF2-40B4-BE49-F238E27FC236}">
                <a16:creationId xmlns:a16="http://schemas.microsoft.com/office/drawing/2014/main" id="{7D2B340F-948E-9269-EAE4-51AD16751CA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411817" y="2915920"/>
            <a:ext cx="685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Arial" panose="020B0604020202020204" pitchFamily="34" charset="0"/>
              </a:rPr>
              <a:t>“Fearless” </a:t>
            </a:r>
          </a:p>
        </p:txBody>
      </p:sp>
      <p:sp>
        <p:nvSpPr>
          <p:cNvPr id="80" name="OTLSHAPE_SLM_217290cdb2a547179cdcbce5b062d85c_Title">
            <a:extLst>
              <a:ext uri="{FF2B5EF4-FFF2-40B4-BE49-F238E27FC236}">
                <a16:creationId xmlns:a16="http://schemas.microsoft.com/office/drawing/2014/main" id="{0BEEA182-629C-9B9C-E01F-E7F87A77C2B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900303" y="3423920"/>
            <a:ext cx="812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2" dirty="0">
                <a:solidFill>
                  <a:schemeClr val="lt1"/>
                </a:solidFill>
                <a:latin typeface="Arial" panose="020B0604020202020204" pitchFamily="34" charset="0"/>
              </a:rPr>
              <a:t>“Speak Now” </a:t>
            </a:r>
          </a:p>
        </p:txBody>
      </p:sp>
      <p:sp>
        <p:nvSpPr>
          <p:cNvPr id="83" name="OTLSHAPE_SLM_b583d8c5aec24e55b70ba52c099b66ec_Title">
            <a:extLst>
              <a:ext uri="{FF2B5EF4-FFF2-40B4-BE49-F238E27FC236}">
                <a16:creationId xmlns:a16="http://schemas.microsoft.com/office/drawing/2014/main" id="{76F9D1FF-83FB-854D-39E5-78B33120A61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691021" y="2915920"/>
            <a:ext cx="368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4" dirty="0">
                <a:solidFill>
                  <a:schemeClr val="lt1"/>
                </a:solidFill>
                <a:latin typeface="Arial" panose="020B0604020202020204" pitchFamily="34" charset="0"/>
              </a:rPr>
              <a:t>“Red”</a:t>
            </a:r>
          </a:p>
        </p:txBody>
      </p:sp>
      <p:sp>
        <p:nvSpPr>
          <p:cNvPr id="86" name="OTLSHAPE_SLM_fcb28da2933842d996ef5fad89a7630c_Title">
            <a:extLst>
              <a:ext uri="{FF2B5EF4-FFF2-40B4-BE49-F238E27FC236}">
                <a16:creationId xmlns:a16="http://schemas.microsoft.com/office/drawing/2014/main" id="{FDF7127C-5575-C484-A1AB-F3794C50CF0F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243020" y="2407920"/>
            <a:ext cx="419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8" dirty="0">
                <a:solidFill>
                  <a:schemeClr val="lt1"/>
                </a:solidFill>
                <a:latin typeface="Arial" panose="020B0604020202020204" pitchFamily="34" charset="0"/>
              </a:rPr>
              <a:t>“1989”</a:t>
            </a:r>
          </a:p>
        </p:txBody>
      </p:sp>
      <p:sp>
        <p:nvSpPr>
          <p:cNvPr id="89" name="OTLSHAPE_SLM_68e09aadb0f449418d17a1e989106225_Title">
            <a:extLst>
              <a:ext uri="{FF2B5EF4-FFF2-40B4-BE49-F238E27FC236}">
                <a16:creationId xmlns:a16="http://schemas.microsoft.com/office/drawing/2014/main" id="{D8F99493-0AD0-5135-23E4-96A17274FA0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913420" y="291592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0" dirty="0">
                <a:solidFill>
                  <a:schemeClr val="lt1"/>
                </a:solidFill>
                <a:latin typeface="Arial" panose="020B0604020202020204" pitchFamily="34" charset="0"/>
              </a:rPr>
              <a:t>“Reputation” </a:t>
            </a:r>
          </a:p>
        </p:txBody>
      </p:sp>
      <p:sp>
        <p:nvSpPr>
          <p:cNvPr id="92" name="OTLSHAPE_SLM_977fd53889bb4581bfe6eee14e751e20_Title">
            <a:extLst>
              <a:ext uri="{FF2B5EF4-FFF2-40B4-BE49-F238E27FC236}">
                <a16:creationId xmlns:a16="http://schemas.microsoft.com/office/drawing/2014/main" id="{653AC039-3268-C311-B1F9-0E02D1C7A5F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584796" y="2407920"/>
            <a:ext cx="487933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0" dirty="0">
                <a:solidFill>
                  <a:schemeClr val="lt1"/>
                </a:solidFill>
                <a:latin typeface="Arial" panose="020B0604020202020204" pitchFamily="34" charset="0"/>
              </a:rPr>
              <a:t>“Lover”</a:t>
            </a:r>
          </a:p>
        </p:txBody>
      </p:sp>
      <p:sp>
        <p:nvSpPr>
          <p:cNvPr id="95" name="OTLSHAPE_SLM_87894e99d08c445bad59ec1d16299d02_Title">
            <a:extLst>
              <a:ext uri="{FF2B5EF4-FFF2-40B4-BE49-F238E27FC236}">
                <a16:creationId xmlns:a16="http://schemas.microsoft.com/office/drawing/2014/main" id="{9B9A5567-AC6B-4102-3A51-70411138325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772790" y="2915920"/>
            <a:ext cx="622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Arial" panose="020B0604020202020204" pitchFamily="34" charset="0"/>
              </a:rPr>
              <a:t>“Folklore”</a:t>
            </a:r>
          </a:p>
        </p:txBody>
      </p:sp>
      <p:sp>
        <p:nvSpPr>
          <p:cNvPr id="98" name="OTLSHAPE_SLM_ad9156f9c8f04259a7c1e70ee80ee242_Title">
            <a:extLst>
              <a:ext uri="{FF2B5EF4-FFF2-40B4-BE49-F238E27FC236}">
                <a16:creationId xmlns:a16="http://schemas.microsoft.com/office/drawing/2014/main" id="{76335A34-9B0A-BF0E-BF45-DBA5727E038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836028" y="3423920"/>
            <a:ext cx="711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Arial" panose="020B0604020202020204" pitchFamily="34" charset="0"/>
              </a:rPr>
              <a:t>“Evermore”</a:t>
            </a:r>
          </a:p>
        </p:txBody>
      </p:sp>
      <p:sp>
        <p:nvSpPr>
          <p:cNvPr id="101" name="OTLSHAPE_SLM_d39ef8959aad46ee836f99c19c127082_Title">
            <a:extLst>
              <a:ext uri="{FF2B5EF4-FFF2-40B4-BE49-F238E27FC236}">
                <a16:creationId xmlns:a16="http://schemas.microsoft.com/office/drawing/2014/main" id="{FAEAF180-D797-98F9-F2D5-D7565CD209D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358724" y="2407920"/>
            <a:ext cx="736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8" dirty="0">
                <a:solidFill>
                  <a:schemeClr val="lt1"/>
                </a:solidFill>
                <a:latin typeface="Arial" panose="020B0604020202020204" pitchFamily="34" charset="0"/>
              </a:rPr>
              <a:t>“Midnights”</a:t>
            </a:r>
          </a:p>
        </p:txBody>
      </p:sp>
      <p:sp>
        <p:nvSpPr>
          <p:cNvPr id="110" name="OTLSHAPE_SLM_a174452149ee45de8e782c4c720b8d03_Title">
            <a:extLst>
              <a:ext uri="{FF2B5EF4-FFF2-40B4-BE49-F238E27FC236}">
                <a16:creationId xmlns:a16="http://schemas.microsoft.com/office/drawing/2014/main" id="{50A94238-7021-C160-FAAA-26BC4851DB0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372223" y="4008120"/>
            <a:ext cx="977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>
                <a:solidFill>
                  <a:schemeClr val="lt1"/>
                </a:solidFill>
                <a:latin typeface="Arial" panose="020B0604020202020204" pitchFamily="34" charset="0"/>
              </a:rPr>
              <a:t>Best New Artist Horizon Award</a:t>
            </a:r>
            <a:endParaRPr lang="en-US" sz="1000" b="1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SLM_05fedecf2e8642dfbbb75d51ea32e8c1_Title">
            <a:extLst>
              <a:ext uri="{FF2B5EF4-FFF2-40B4-BE49-F238E27FC236}">
                <a16:creationId xmlns:a16="http://schemas.microsoft.com/office/drawing/2014/main" id="{1BAF7B8A-86D2-A2AE-4859-EA8AAFD16B3E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987581" y="4008120"/>
            <a:ext cx="14097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ACM Award - Album of the Year (“Fearless”)</a:t>
            </a:r>
          </a:p>
        </p:txBody>
      </p:sp>
      <p:sp>
        <p:nvSpPr>
          <p:cNvPr id="116" name="OTLSHAPE_SLM_90478f6232d941d6bcdc6fd88716125c_Title">
            <a:extLst>
              <a:ext uri="{FF2B5EF4-FFF2-40B4-BE49-F238E27FC236}">
                <a16:creationId xmlns:a16="http://schemas.microsoft.com/office/drawing/2014/main" id="{79596DD8-216E-5E46-1233-B999FDAA86E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758352" y="4497070"/>
            <a:ext cx="11176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VMA Award - Best Female Video</a:t>
            </a:r>
          </a:p>
        </p:txBody>
      </p:sp>
      <p:sp>
        <p:nvSpPr>
          <p:cNvPr id="119" name="OTLSHAPE_SLM_eebef4f09caf475eab0b71bbfbd6c08e_Title">
            <a:extLst>
              <a:ext uri="{FF2B5EF4-FFF2-40B4-BE49-F238E27FC236}">
                <a16:creationId xmlns:a16="http://schemas.microsoft.com/office/drawing/2014/main" id="{7B285865-F619-EFD3-2D84-BF5230B8525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386344" y="5220970"/>
            <a:ext cx="15621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4 Grammys, including for Album of the Year</a:t>
            </a:r>
          </a:p>
        </p:txBody>
      </p:sp>
      <p:sp>
        <p:nvSpPr>
          <p:cNvPr id="125" name="OTLSHAPE_SLM_37eb2f0fcfbd459e8f3f6f5da0d1b85f_Title">
            <a:extLst>
              <a:ext uri="{FF2B5EF4-FFF2-40B4-BE49-F238E27FC236}">
                <a16:creationId xmlns:a16="http://schemas.microsoft.com/office/drawing/2014/main" id="{8287BC99-5A1E-D6E6-18F4-1AC53BE1A41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148455" y="5709920"/>
            <a:ext cx="1092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Entertainer of the Year CMA Award</a:t>
            </a:r>
          </a:p>
        </p:txBody>
      </p:sp>
      <p:sp>
        <p:nvSpPr>
          <p:cNvPr id="128" name="OTLSHAPE_SLM_140d18ba055d497f8498337caffd208a_Title">
            <a:extLst>
              <a:ext uri="{FF2B5EF4-FFF2-40B4-BE49-F238E27FC236}">
                <a16:creationId xmlns:a16="http://schemas.microsoft.com/office/drawing/2014/main" id="{3F56386C-349C-AEE8-B871-01ABDC45387C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869068" y="4986020"/>
            <a:ext cx="1219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>
                <a:solidFill>
                  <a:schemeClr val="lt1"/>
                </a:solidFill>
                <a:latin typeface="Arial" panose="020B0604020202020204" pitchFamily="34" charset="0"/>
              </a:rPr>
              <a:t>Grammy - Album of the Year (“1989”)</a:t>
            </a:r>
            <a:endParaRPr lang="en-US" sz="1000" b="1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34" name="OTLSHAPE_SLM_3afe686e89ac49a384b66d9bbfdcfdbf_Title">
            <a:extLst>
              <a:ext uri="{FF2B5EF4-FFF2-40B4-BE49-F238E27FC236}">
                <a16:creationId xmlns:a16="http://schemas.microsoft.com/office/drawing/2014/main" id="{634373CD-2663-A850-1127-8863E422B14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563800" y="4497070"/>
            <a:ext cx="12446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6">
                <a:solidFill>
                  <a:schemeClr val="lt1"/>
                </a:solidFill>
                <a:latin typeface="Arial" panose="020B0604020202020204" pitchFamily="34" charset="0"/>
              </a:rPr>
              <a:t>Grammy - Album of the Year (“Folklore”)</a:t>
            </a:r>
            <a:endParaRPr lang="en-US" sz="1000" b="1" spc="-6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47" name="OTLSHAPE_SLM_360bbdcee45c4d22ab5a883573de444c_Date">
            <a:extLst>
              <a:ext uri="{FF2B5EF4-FFF2-40B4-BE49-F238E27FC236}">
                <a16:creationId xmlns:a16="http://schemas.microsoft.com/office/drawing/2014/main" id="{DEFD3576-BAEC-99AA-876A-CB3F3A94876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835062" y="55130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248" name="OTLSHAPE_SLM_360bbdcee45c4d22ab5a883573de444c_Title">
            <a:extLst>
              <a:ext uri="{FF2B5EF4-FFF2-40B4-BE49-F238E27FC236}">
                <a16:creationId xmlns:a16="http://schemas.microsoft.com/office/drawing/2014/main" id="{49FC0E11-2DD8-BB78-1878-F6A8F51C0C9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002450" y="5220970"/>
            <a:ext cx="850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10">
                <a:solidFill>
                  <a:schemeClr val="lt1"/>
                </a:solidFill>
                <a:latin typeface="Arial" panose="020B0604020202020204" pitchFamily="34" charset="0"/>
              </a:rPr>
              <a:t>9 MTV Video Music Awards</a:t>
            </a:r>
            <a:endParaRPr lang="en-US" sz="1000" b="1" spc="-1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50" name="OTLSHAPE_TB_00000000000000000000000000000000_TimescaleInterval8">
            <a:extLst>
              <a:ext uri="{FF2B5EF4-FFF2-40B4-BE49-F238E27FC236}">
                <a16:creationId xmlns:a16="http://schemas.microsoft.com/office/drawing/2014/main" id="{E62D7B08-0E7D-208E-3DED-3DAF68938E3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137784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0</a:t>
            </a:r>
          </a:p>
        </p:txBody>
      </p:sp>
      <p:sp>
        <p:nvSpPr>
          <p:cNvPr id="252" name="OTLSHAPE_TB_00000000000000000000000000000000_TimescaleInterval9">
            <a:extLst>
              <a:ext uri="{FF2B5EF4-FFF2-40B4-BE49-F238E27FC236}">
                <a16:creationId xmlns:a16="http://schemas.microsoft.com/office/drawing/2014/main" id="{D5FAA043-1BCF-0505-CFBA-57DB8E2FACE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992590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3</a:t>
            </a:r>
          </a:p>
        </p:txBody>
      </p:sp>
      <p:sp>
        <p:nvSpPr>
          <p:cNvPr id="254" name="OTLSHAPE_TB_00000000000000000000000000000000_TimescaleInterval10">
            <a:extLst>
              <a:ext uri="{FF2B5EF4-FFF2-40B4-BE49-F238E27FC236}">
                <a16:creationId xmlns:a16="http://schemas.microsoft.com/office/drawing/2014/main" id="{A69158BB-D670-7210-8998-CDCE696A366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846616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6</a:t>
            </a:r>
          </a:p>
        </p:txBody>
      </p:sp>
      <p:sp>
        <p:nvSpPr>
          <p:cNvPr id="32" name="OTLSHAPE_TB_00000000000000000000000000000000_TimescaleInterval11">
            <a:extLst>
              <a:ext uri="{FF2B5EF4-FFF2-40B4-BE49-F238E27FC236}">
                <a16:creationId xmlns:a16="http://schemas.microsoft.com/office/drawing/2014/main" id="{39CFF32D-3FA6-0B9F-7CE6-1D66EB5E8CC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01423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9</a:t>
            </a:r>
          </a:p>
        </p:txBody>
      </p:sp>
      <p:sp>
        <p:nvSpPr>
          <p:cNvPr id="36" name="OTLSHAPE_TB_00000000000000000000000000000000_TimescaleInterval12">
            <a:extLst>
              <a:ext uri="{FF2B5EF4-FFF2-40B4-BE49-F238E27FC236}">
                <a16:creationId xmlns:a16="http://schemas.microsoft.com/office/drawing/2014/main" id="{333FB5B7-E86D-FA7B-ADC6-9F4E81CEDD9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556229" y="2035492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22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3493CD9-744A-4865-7AAC-D429EB2F9726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1946226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5DBD746F-F8AC-C107-C07D-E271A9F6AA4C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2801033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CC7C78B6-CDED-B9C0-4DF2-AA1FDB3C6324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3655839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7630575D-0A38-7B56-7A16-327E2752D652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4510645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3BA384D8-1351-5687-3236-62F8B78A7D94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5364671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AE6B1C76-9672-F8DE-D012-F2E916AD6124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6219477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Separator7">
            <a:extLst>
              <a:ext uri="{FF2B5EF4-FFF2-40B4-BE49-F238E27FC236}">
                <a16:creationId xmlns:a16="http://schemas.microsoft.com/office/drawing/2014/main" id="{22098D55-E352-E1DC-11C7-A3B234E1731F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7074284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B_00000000000000000000000000000000_Separator8">
            <a:extLst>
              <a:ext uri="{FF2B5EF4-FFF2-40B4-BE49-F238E27FC236}">
                <a16:creationId xmlns:a16="http://schemas.microsoft.com/office/drawing/2014/main" id="{583778A5-31F5-979B-D85B-5B38BA260D5D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7929090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B_00000000000000000000000000000000_Separator9">
            <a:extLst>
              <a:ext uri="{FF2B5EF4-FFF2-40B4-BE49-F238E27FC236}">
                <a16:creationId xmlns:a16="http://schemas.microsoft.com/office/drawing/2014/main" id="{4ED414CC-B9A7-C73B-1D55-B86901A79217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8783116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B_00000000000000000000000000000000_Separator10">
            <a:extLst>
              <a:ext uri="{FF2B5EF4-FFF2-40B4-BE49-F238E27FC236}">
                <a16:creationId xmlns:a16="http://schemas.microsoft.com/office/drawing/2014/main" id="{39A18652-423C-FFCA-1E4A-28DFE4F9B80F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9637923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11">
            <a:extLst>
              <a:ext uri="{FF2B5EF4-FFF2-40B4-BE49-F238E27FC236}">
                <a16:creationId xmlns:a16="http://schemas.microsoft.com/office/drawing/2014/main" id="{FE7B6001-D5A4-F3B9-5958-936C7C16AF6D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10492729" y="202692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9d167702410845c8b7806125a4e8f1b9_Shape">
            <a:extLst>
              <a:ext uri="{FF2B5EF4-FFF2-40B4-BE49-F238E27FC236}">
                <a16:creationId xmlns:a16="http://schemas.microsoft.com/office/drawing/2014/main" id="{31ED92BA-D7F2-5C9B-3CF1-445784F97172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 flipV="1">
            <a:off x="5859381" y="187452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M_2cd9ec16efbb43709607600e796b7a9e_Shape">
            <a:extLst>
              <a:ext uri="{FF2B5EF4-FFF2-40B4-BE49-F238E27FC236}">
                <a16:creationId xmlns:a16="http://schemas.microsoft.com/office/drawing/2014/main" id="{8CA1A94F-59EA-CD97-8B9A-ABEF96FFFF10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flipV="1">
            <a:off x="1286636" y="187452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1f2a8885f46b477dbb3bcd4072cbaeb5_Shape">
            <a:extLst>
              <a:ext uri="{FF2B5EF4-FFF2-40B4-BE49-F238E27FC236}">
                <a16:creationId xmlns:a16="http://schemas.microsoft.com/office/drawing/2014/main" id="{92BFB2FF-F245-1D31-60DB-4CFCE3773A89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 flipV="1">
            <a:off x="4435224" y="187452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M_caf436ab5fbd40b58937e30bf5664c3d_Shape">
            <a:extLst>
              <a:ext uri="{FF2B5EF4-FFF2-40B4-BE49-F238E27FC236}">
                <a16:creationId xmlns:a16="http://schemas.microsoft.com/office/drawing/2014/main" id="{A5484995-0BBA-BBFC-DA77-18EB4C11B516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 flipV="1">
            <a:off x="6714188" y="187452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6145d9f0d9bb443f8ff9e71c934c79fd_Shape">
            <a:extLst>
              <a:ext uri="{FF2B5EF4-FFF2-40B4-BE49-F238E27FC236}">
                <a16:creationId xmlns:a16="http://schemas.microsoft.com/office/drawing/2014/main" id="{2CB9DBC4-0ACA-C7A7-E648-60383242DBDF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flipV="1">
            <a:off x="9847177" y="187452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2aa715e2f87a4b03bf7e2dc18c7224c1_Shape">
            <a:extLst>
              <a:ext uri="{FF2B5EF4-FFF2-40B4-BE49-F238E27FC236}">
                <a16:creationId xmlns:a16="http://schemas.microsoft.com/office/drawing/2014/main" id="{35A68CF6-ADD1-8DAD-C167-688C2A82743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 flipV="1">
            <a:off x="10758918" y="187452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M_5f0d2f4fb769479eb62a76691708affe_Shape">
            <a:extLst>
              <a:ext uri="{FF2B5EF4-FFF2-40B4-BE49-F238E27FC236}">
                <a16:creationId xmlns:a16="http://schemas.microsoft.com/office/drawing/2014/main" id="{FEC8E86F-4333-BF8B-D319-EABFFCFE0924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 flipV="1">
            <a:off x="7744478" y="187452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M_0767eb6d967b496fad9cbff4e5e67f07_Shape">
            <a:extLst>
              <a:ext uri="{FF2B5EF4-FFF2-40B4-BE49-F238E27FC236}">
                <a16:creationId xmlns:a16="http://schemas.microsoft.com/office/drawing/2014/main" id="{D24D38E4-57C8-42F7-84E9-8F2DDFFCF57D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flipV="1">
            <a:off x="10935183" y="187452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M_2cd9ec16efbb43709607600e796b7a9e_Title">
            <a:extLst>
              <a:ext uri="{FF2B5EF4-FFF2-40B4-BE49-F238E27FC236}">
                <a16:creationId xmlns:a16="http://schemas.microsoft.com/office/drawing/2014/main" id="{87E37CC2-6348-37C2-834A-0D78130FB7E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80774" y="1136295"/>
            <a:ext cx="11684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Taylor Alison Swift is born</a:t>
            </a:r>
          </a:p>
        </p:txBody>
      </p:sp>
      <p:sp>
        <p:nvSpPr>
          <p:cNvPr id="31" name="OTLSHAPE_M_2cd9ec16efbb43709607600e796b7a9e_Date">
            <a:extLst>
              <a:ext uri="{FF2B5EF4-FFF2-40B4-BE49-F238E27FC236}">
                <a16:creationId xmlns:a16="http://schemas.microsoft.com/office/drawing/2014/main" id="{7B02F855-9699-0B5E-1009-931B2666BFB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85180" y="1428395"/>
            <a:ext cx="749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accent3"/>
                </a:solidFill>
                <a:latin typeface="Arial" panose="020B0604020202020204" pitchFamily="34" charset="0"/>
              </a:rPr>
              <a:t>Dec 13, 1989</a:t>
            </a:r>
          </a:p>
        </p:txBody>
      </p:sp>
      <p:sp>
        <p:nvSpPr>
          <p:cNvPr id="33" name="OTLSHAPE_M_1f2a8885f46b477dbb3bcd4072cbaeb5_Title">
            <a:extLst>
              <a:ext uri="{FF2B5EF4-FFF2-40B4-BE49-F238E27FC236}">
                <a16:creationId xmlns:a16="http://schemas.microsoft.com/office/drawing/2014/main" id="{6EBF0E55-739A-F5A2-925E-200DC430191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190368" y="1233761"/>
            <a:ext cx="6477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Arial" panose="020B0604020202020204" pitchFamily="34" charset="0"/>
              </a:rPr>
              <a:t>Learns to play guitar</a:t>
            </a:r>
          </a:p>
        </p:txBody>
      </p:sp>
      <p:sp>
        <p:nvSpPr>
          <p:cNvPr id="34" name="OTLSHAPE_M_1f2a8885f46b477dbb3bcd4072cbaeb5_Date">
            <a:extLst>
              <a:ext uri="{FF2B5EF4-FFF2-40B4-BE49-F238E27FC236}">
                <a16:creationId xmlns:a16="http://schemas.microsoft.com/office/drawing/2014/main" id="{B3E8730A-BAFE-77EF-6E01-7B16AB7DE2B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370200" y="1525861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1</a:t>
            </a:r>
          </a:p>
        </p:txBody>
      </p:sp>
      <p:sp>
        <p:nvSpPr>
          <p:cNvPr id="39" name="OTLSHAPE_M_9d167702410845c8b7806125a4e8f1b9_Title">
            <a:extLst>
              <a:ext uri="{FF2B5EF4-FFF2-40B4-BE49-F238E27FC236}">
                <a16:creationId xmlns:a16="http://schemas.microsoft.com/office/drawing/2014/main" id="{EE6D43FF-0060-082C-0D21-10CA773B4FC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349751" y="1450694"/>
            <a:ext cx="1181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Arial" panose="020B0604020202020204" pitchFamily="34" charset="0"/>
              </a:rPr>
              <a:t>Releases 1st single</a:t>
            </a:r>
          </a:p>
        </p:txBody>
      </p:sp>
      <p:sp>
        <p:nvSpPr>
          <p:cNvPr id="40" name="OTLSHAPE_M_9d167702410845c8b7806125a4e8f1b9_Date">
            <a:extLst>
              <a:ext uri="{FF2B5EF4-FFF2-40B4-BE49-F238E27FC236}">
                <a16:creationId xmlns:a16="http://schemas.microsoft.com/office/drawing/2014/main" id="{D290E60F-3081-D90A-ED7B-1088A9F0F3B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794357" y="1596744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06</a:t>
            </a:r>
          </a:p>
        </p:txBody>
      </p:sp>
      <p:sp>
        <p:nvSpPr>
          <p:cNvPr id="42" name="OTLSHAPE_M_caf436ab5fbd40b58937e30bf5664c3d_Title">
            <a:extLst>
              <a:ext uri="{FF2B5EF4-FFF2-40B4-BE49-F238E27FC236}">
                <a16:creationId xmlns:a16="http://schemas.microsoft.com/office/drawing/2014/main" id="{EFFD4D04-39A5-9CF6-7E66-70287786579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169400" y="835040"/>
            <a:ext cx="1244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Arial" panose="020B0604020202020204" pitchFamily="34" charset="0"/>
              </a:rPr>
              <a:t>1st tour as headliner</a:t>
            </a:r>
          </a:p>
        </p:txBody>
      </p:sp>
      <p:sp>
        <p:nvSpPr>
          <p:cNvPr id="43" name="OTLSHAPE_M_caf436ab5fbd40b58937e30bf5664c3d_Date">
            <a:extLst>
              <a:ext uri="{FF2B5EF4-FFF2-40B4-BE49-F238E27FC236}">
                <a16:creationId xmlns:a16="http://schemas.microsoft.com/office/drawing/2014/main" id="{621085EA-6DCE-2E74-4DFA-3C633DC75AD9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649164" y="98109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9</a:t>
            </a:r>
          </a:p>
        </p:txBody>
      </p:sp>
      <p:sp>
        <p:nvSpPr>
          <p:cNvPr id="48" name="OTLSHAPE_M_6145d9f0d9bb443f8ff9e71c934c79fd_Title">
            <a:extLst>
              <a:ext uri="{FF2B5EF4-FFF2-40B4-BE49-F238E27FC236}">
                <a16:creationId xmlns:a16="http://schemas.microsoft.com/office/drawing/2014/main" id="{42FD5228-C5B2-9C53-5878-53F40AFB57E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312931" y="1118575"/>
            <a:ext cx="1231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 dirty="0">
                <a:solidFill>
                  <a:schemeClr val="lt1"/>
                </a:solidFill>
                <a:latin typeface="Arial" panose="020B0604020202020204" pitchFamily="34" charset="0"/>
              </a:rPr>
              <a:t>Re-recording of her early albums begins</a:t>
            </a:r>
            <a:endParaRPr lang="en-US" sz="1000" b="1" spc="-2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49" name="OTLSHAPE_M_6145d9f0d9bb443f8ff9e71c934c79fd_Date">
            <a:extLst>
              <a:ext uri="{FF2B5EF4-FFF2-40B4-BE49-F238E27FC236}">
                <a16:creationId xmlns:a16="http://schemas.microsoft.com/office/drawing/2014/main" id="{78B5359F-C3A8-DC7E-B8F1-B3C2DFC2E013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9782153" y="1410675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54" name="OTLSHAPE_M_2aa715e2f87a4b03bf7e2dc18c7224c1_Title">
            <a:extLst>
              <a:ext uri="{FF2B5EF4-FFF2-40B4-BE49-F238E27FC236}">
                <a16:creationId xmlns:a16="http://schemas.microsoft.com/office/drawing/2014/main" id="{0AF3A7F1-5AA2-D35F-0280-0C53466ED75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425840" y="697555"/>
            <a:ext cx="825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Arial" panose="020B0604020202020204" pitchFamily="34" charset="0"/>
              </a:rPr>
              <a:t>The Eras tour</a:t>
            </a:r>
          </a:p>
        </p:txBody>
      </p:sp>
      <p:sp>
        <p:nvSpPr>
          <p:cNvPr id="55" name="OTLSHAPE_M_2aa715e2f87a4b03bf7e2dc18c7224c1_Date">
            <a:extLst>
              <a:ext uri="{FF2B5EF4-FFF2-40B4-BE49-F238E27FC236}">
                <a16:creationId xmlns:a16="http://schemas.microsoft.com/office/drawing/2014/main" id="{3E3EFAF7-A90F-BB64-8B63-2FCF2764BC5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0693895" y="843605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236" name="OTLSHAPE_M_5f0d2f4fb769479eb62a76691708affe_Title">
            <a:extLst>
              <a:ext uri="{FF2B5EF4-FFF2-40B4-BE49-F238E27FC236}">
                <a16:creationId xmlns:a16="http://schemas.microsoft.com/office/drawing/2014/main" id="{7A05C3E9-B7DC-C53D-2337-5D8B0363F26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086830" y="1251482"/>
            <a:ext cx="1473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>
                <a:solidFill>
                  <a:schemeClr val="lt1"/>
                </a:solidFill>
                <a:latin typeface="Arial" panose="020B0604020202020204" pitchFamily="34" charset="0"/>
              </a:rPr>
              <a:t>Fastest selling single in digital history</a:t>
            </a:r>
            <a:endParaRPr lang="en-US" sz="1000" b="1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37" name="OTLSHAPE_M_5f0d2f4fb769479eb62a76691708affe_Date">
            <a:extLst>
              <a:ext uri="{FF2B5EF4-FFF2-40B4-BE49-F238E27FC236}">
                <a16:creationId xmlns:a16="http://schemas.microsoft.com/office/drawing/2014/main" id="{55680355-FE8F-C5CD-7D1E-46DC272C8BF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679455" y="1543582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2</a:t>
            </a:r>
            <a:endParaRPr lang="en-US" sz="1000" spc="-12" dirty="0">
              <a:solidFill>
                <a:schemeClr val="accent3"/>
              </a:solidFill>
              <a:latin typeface="Arial" panose="020B0604020202020204" pitchFamily="34" charset="0"/>
            </a:endParaRPr>
          </a:p>
        </p:txBody>
      </p:sp>
      <p:sp>
        <p:nvSpPr>
          <p:cNvPr id="242" name="OTLSHAPE_M_0767eb6d967b496fad9cbff4e5e67f07_Title">
            <a:extLst>
              <a:ext uri="{FF2B5EF4-FFF2-40B4-BE49-F238E27FC236}">
                <a16:creationId xmlns:a16="http://schemas.microsoft.com/office/drawing/2014/main" id="{B73F4D98-3EA5-79E6-79C9-B71A137A90AA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686814" y="1269202"/>
            <a:ext cx="6604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chemeClr val="lt1"/>
                </a:solidFill>
                <a:latin typeface="Arial" panose="020B0604020202020204" pitchFamily="34" charset="0"/>
              </a:rPr>
              <a:t>Billionaire status</a:t>
            </a:r>
          </a:p>
        </p:txBody>
      </p:sp>
      <p:sp>
        <p:nvSpPr>
          <p:cNvPr id="243" name="OTLSHAPE_M_0767eb6d967b496fad9cbff4e5e67f07_Date">
            <a:extLst>
              <a:ext uri="{FF2B5EF4-FFF2-40B4-BE49-F238E27FC236}">
                <a16:creationId xmlns:a16="http://schemas.microsoft.com/office/drawing/2014/main" id="{15738C09-BA61-297E-4547-0B8A8EB2E53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870159" y="1561302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CE7D3790-6ED6-DDF3-CFFC-DACBC1FE230B}"/>
              </a:ext>
            </a:extLst>
          </p:cNvPr>
          <p:cNvSpPr txBox="1"/>
          <p:nvPr/>
        </p:nvSpPr>
        <p:spPr>
          <a:xfrm>
            <a:off x="6676203" y="164495"/>
            <a:ext cx="457513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rgbClr val="304DC2"/>
                </a:solidFill>
                <a:latin typeface="Arial Black" panose="020B0A04020102020204" pitchFamily="34" charset="0"/>
              </a:rPr>
              <a:t>Taylor Swift timeline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44BF53A6-4AB0-728B-F276-4EB9D5A3D30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1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122">
                    <a14:imgEffect>
                      <a14:colorTemperature colorTemp="4700"/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78274" y="311949"/>
            <a:ext cx="1907109" cy="5357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TextBox 40">
            <a:extLst>
              <a:ext uri="{FF2B5EF4-FFF2-40B4-BE49-F238E27FC236}">
                <a16:creationId xmlns:a16="http://schemas.microsoft.com/office/drawing/2014/main" id="{4756F8EB-6BDD-53D2-1773-87C232601622}"/>
              </a:ext>
            </a:extLst>
          </p:cNvPr>
          <p:cNvSpPr txBox="1"/>
          <p:nvPr/>
        </p:nvSpPr>
        <p:spPr>
          <a:xfrm>
            <a:off x="5726825" y="391652"/>
            <a:ext cx="2114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MELINE</a:t>
            </a:r>
            <a:endParaRPr lang="en-US" b="1" dirty="0">
              <a:solidFill>
                <a:schemeClr val="bg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5" name="Picture 44">
            <a:extLst>
              <a:ext uri="{FF2B5EF4-FFF2-40B4-BE49-F238E27FC236}">
                <a16:creationId xmlns:a16="http://schemas.microsoft.com/office/drawing/2014/main" id="{CC010395-63FB-D88A-DE1D-03816BC79359}"/>
              </a:ext>
            </a:extLst>
          </p:cNvPr>
          <p:cNvPicPr>
            <a:picLocks noChangeAspect="1"/>
          </p:cNvPicPr>
          <p:nvPr/>
        </p:nvPicPr>
        <p:blipFill>
          <a:blip r:embed="rId1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05580" y="5054839"/>
            <a:ext cx="2000250" cy="2268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340798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3ZTc3ZGRmOC0xNTEyLTRkYTYtODAxNy1kMDYyNzg0ZWFhNDciLCJJbmRleCI6MCwiR3JvdXBJZCI6bnVsbCwiVGl0bGUiOiLigJxUYXlsb3IgU3dpZnTigJ0iLCJEYXRlVGltZSI6IjIwMDYtMTAtMjZUMjM6NTk6MDAiLCJQZXJjZW50YWdlQ29tcGxldGUiOm51bGwsIk5vdGUiOm51bGwsIlN0eWxlIjp7IiRpZCI6IjYiLCJUaXRsZVBvc2l0aW9uIjoiQWJvdmUiLCJEYXRlUG9zaXRpb24iOiJCZWxvdyIsIlNoYXBlVHlwZSI6MTQsIlNoYXBlU2l6ZSI6MCwiU3BhY2luZyI6My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MTAsIkZvbnROYW1lIjoiQXJpYWwiLCJJc0JvbGQiOmZhbHNlLCJJc0l0YWxpYyI6ZmFsc2UsIklzVW5kZXJsaW5lZCI6ZmFsc2UsIlBhcmVudFN0eWxlIjpudWxsfSwiQXV0b1NpemUiOjIsIkZvcmVncm91bmQiOnsiJGlkIjoiMjUiLCJDb2xvciI6eyIkaWQiOiIyNi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NiIsIkNvbG9yIjp7IiRpZCI6IjQ3IiwiQSI6MCwiUiI6MjU1LCJHIjoyNTUsIkIiOjI1NX19LCJJc1Zpc2libGUiOnRydWUsIldpZHRoIjowLjAsIkhlaWdodCI6MC4wLCJCb3JkZXJTdHlsZSI6bnVsbCwiUGFyZW50U3R5bGUiOm51bGx9LCJEYXRlU3R5bGUiOnsiJGlkIjoiNDgiLCJGb250U2V0dGluZ3MiOnsiJGlkIjoiNDkiLCJGb250U2l6ZSI6MTAsIkZvbnROYW1lIjoiQXJpYWwiLCJJc0JvbGQiOmZhbHNlLCJJc0l0YWxpYyI6ZmFsc2UsIklzVW5kZXJsaW5lZCI6ZmFsc2UsIlBhcmVudFN0eWxlIjpudWxsfSwiQXV0b1NpemUiOjIsIkZvcmVncm91bmQiOnsiJGlkIjoiNTAiLCJDb2xvciI6eyIkaWQiOiI1MS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UyIiwiQ29sb3IiOnsiJGlkIjoiNTMiLCJBIjowLCJSIjoyNTUsIkciOjI1NSwiQiI6MjU1fX0sIklzVmlzaWJsZSI6dHJ1ZSwiV2lkdGgiOjAuMCwiSGVpZ2h0IjowLjAsIkJvcmRlclN0eWxlIjpudWxsLCJQYXJlbnRTdHlsZSI6bnVsbH0sIkRhdGVGb3JtYXQiOnsiJGlkIjoiN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jkiLCJDb2xvciI6eyIkaWQiOiI3MCIsIkEiOjAsIlIiOjI1NSwiRyI6MjU1LCJCIjoyNTV9fSwiSXNWaXNpYmxlIjp0cnVlLCJXaWR0aCI6MC4wLCJIZWlnaHQiOjAuMCwiQm9yZGVyU3R5bGUiOm51bGwsIlBhcmVudFN0eWxlIjpudWxsfSwiRGF0ZVN0eWxlIjp7IiRpZCI6IjcxIiwiRm9udFNldHRpbmdzIjp7IiRpZCI6IjcyIiwiRm9udFNpemUiOjEwLCJGb250TmFtZSI6IkFyaWFsIiwiSXNCb2xkIjpmYWxzZSwiSXNJdGFsaWMiOmZhbHNlLCJJc1VuZGVybGluZWQiOmZhbHNlLCJQYXJlbnRTdHlsZSI6bnVsbH0sIkF1dG9TaXplIjoyLCJGb3JlZ3JvdW5kIjp7IiRpZCI6IjczIiwiQ29sb3IiOnsiJGlkIjoiNzQ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NSIsIkNvbG9yIjp7IiRpZCI6Ijc2IiwiQSI6MCwiUiI6MjU1LCJHIjoyNTUsIkIiOjI1NX19LCJJc1Zpc2libGUiOnRydWUsIldpZHRoIjowLjAsIkhlaWdodCI6MC4wLCJCb3JkZXJTdHlsZSI6bnVsbCwiUGFyZW50U3R5bGUiOm51bGx9LCJEYXRlRm9ybWF0Ijp7IiRpZCI6Ijc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5MiIsIkNvbG9yIjp7IiRpZCI6IjkzIiwiQSI6MCwiUiI6MjU1LCJHIjoyNTUsIkIiOjI1NX19LCJJc1Zpc2libGUiOnRydWUsIldpZHRoIjowLjAsIkhlaWdodCI6MC4wLCJCb3JkZXJTdHlsZSI6bnVsbCwiUGFyZW50U3R5bGUiOm51bGx9LCJEYXRlU3R5bGUiOnsiJGlkIjoiOTQiLCJGb250U2V0dGluZ3MiOnsiJGlkIjoiOTUiLCJGb250U2l6ZSI6MTAsIkZvbnROYW1lIjoiQXJpYWwiLCJJc0JvbGQiOmZhbHNlLCJJc0l0YWxpYyI6ZmFsc2UsIklzVW5kZXJsaW5lZCI6ZmFsc2UsIlBhcmVudFN0eWxlIjpudWxsfSwiQXV0b1NpemUiOjIsIkZvcmVncm91bmQiOnsiJGlkIjoiOTYiLCJDb2xvciI6eyIkaWQiOiI5Ny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k4IiwiQ29sb3IiOnsiJGlkIjoiOTkiLCJBIjowLCJSIjoyNTUsIkciOjI1NSwiQiI6MjU1fX0sIklzVmlzaWJsZSI6dHJ1ZSwiV2lkdGgiOjAuMCwiSGVpZ2h0IjowLjAsIkJvcmRlclN0eWxlIjpudWxsLCJQYXJlbnRTdHlsZSI6bnVsbH0sIkRhdGVGb3JtYXQiOnsiJGlkIjoiMTA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xNiIsIkNvbG9yIjp7IiRpZCI6IjExNyIsIkEiOjAsIlIiOjI1NSwiRyI6MjU1LCJCIjoyNTV9fSwiSXNWaXNpYmxlIjp0cnVlLCJXaWR0aCI6MC4wLCJIZWlnaHQiOjAuMCwiQm9yZGVyU3R5bGUiOm51bGwsIlBhcmVudFN0eWxlIjpudWxsfSwiRGF0ZVN0eWxlIjp7IiRpZCI6IjExOCIsIkZvbnRTZXR0aW5ncyI6eyIkaWQiOiIxMTkiLCJGb250U2l6ZSI6MTAsIkZvbnROYW1lIjoiQXJpYWwiLCJJc0JvbGQiOmZhbHNlLCJJc0l0YWxpYyI6ZmFsc2UsIklzVW5kZXJsaW5lZCI6ZmFsc2UsIlBhcmVudFN0eWxlIjpudWxsfSwiQXV0b1NpemUiOjIsIkZvcmVncm91bmQiOnsiJGlkIjoiMTIwIiwiQ29sb3IiOnsiJGlkIjoiMTIx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IyIiwiQ29sb3IiOnsiJGlkIjoiMTIzIiwiQSI6MCwiUiI6MjU1LCJHIjoyNTUsIkIiOjI1NX19LCJJc1Zpc2libGUiOnRydWUsIldpZHRoIjowLjAsIkhlaWdodCI6MC4wLCJCb3JkZXJTdHlsZSI6bnVsbCwiUGFyZW50U3R5bGUiOm51bGx9LCJEYXRlRm9ybWF0Ijp7IiRpZCI6IjEy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zkiLCJDb2xvciI6eyIkaWQiOiIxNDAiLCJBIjowLCJSIjoyNTUsIkciOjI1NSwiQiI6MjU1fX0sIklzVmlzaWJsZSI6dHJ1ZSwiV2lkdGgiOjAuMCwiSGVpZ2h0IjowLjAsIkJvcmRlclN0eWxlIjpudWxsLCJQYXJlbnRTdHlsZSI6bnVsbH0sIkRhdGVTdHlsZSI6eyIkaWQiOiIxNDEiLCJGb250U2V0dGluZ3MiOnsiJGlkIjoiMTQyIiwiRm9udFNpemUiOjEwLCJGb250TmFtZSI6IkFyaWFsIiwiSXNCb2xkIjpmYWxzZSwiSXNJdGFsaWMiOmZhbHNlLCJJc1VuZGVybGluZWQiOmZhbHNlLCJQYXJlbnRTdHlsZSI6bnVsbH0sIkF1dG9TaXplIjoyLCJGb3JlZ3JvdW5kIjp7IiRpZCI6IjE0MyIsIkNvbG9yIjp7IiRpZCI6IjE0N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0NSIsIkNvbG9yIjp7IiRpZCI6IjE0NiIsIkEiOjAsIlIiOjI1NSwiRyI6MjU1LCJCIjoyNTV9fSwiSXNWaXNpYmxlIjp0cnVlLCJXaWR0aCI6MC4wLCJIZWlnaHQiOjAuMCwiQm9yZGVyU3R5bGUiOm51bGwsIlBhcmVudFN0eWxlIjpudWxsfSwiRGF0ZUZvcm1hdCI6eyIkaWQiOiIxN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YyIiwiQ29sb3IiOnsiJGlkIjoiMTYzIiwiQSI6MCwiUiI6MjU1LCJHIjoyNTUsIkIiOjI1NX19LCJJc1Zpc2libGUiOnRydWUsIldpZHRoIjowLjAsIkhlaWdodCI6MC4wLCJCb3JkZXJTdHlsZSI6bnVsbCwiUGFyZW50U3R5bGUiOm51bGx9LCJEYXRlU3R5bGUiOnsiJGlkIjoiMTY0IiwiRm9udFNldHRpbmdzIjp7IiRpZCI6IjE2NSIsIkZvbnRTaXplIjoxMCwiRm9udE5hbWUiOiJBcmlhbCIsIklzQm9sZCI6ZmFsc2UsIklzSXRhbGljIjpmYWxzZSwiSXNVbmRlcmxpbmVkIjpmYWxzZSwiUGFyZW50U3R5bGUiOm51bGx9LCJBdXRvU2l6ZSI6MiwiRm9yZWdyb3VuZCI6eyIkaWQiOiIxNjYiLCJDb2xvciI6eyIkaWQiOiIxNjc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NjgiLCJDb2xvciI6eyIkaWQiOiIxNjkiLCJBIjowLCJSIjoyNTUsIkciOjI1NSwiQiI6MjU1fX0sIklzVmlzaWJsZSI6dHJ1ZSwiV2lkdGgiOjAuMCwiSGVpZ2h0IjowLjAsIkJvcmRlclN0eWxlIjpudWxsLCJQYXJlbnRTdHlsZSI6bnVsbH0sIkRhdGVGb3JtYXQiOnsiJGlkIjoiMTc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g1IiwiQ29sb3IiOnsiJGlkIjoiMTg2IiwiQSI6MCwiUiI6MjU1LCJHIjoyNTUsIkIiOjI1NX19LCJJc1Zpc2libGUiOnRydWUsIldpZHRoIjowLjAsIkhlaWdodCI6MC4wLCJCb3JkZXJTdHlsZSI6bnVsbCwiUGFyZW50U3R5bGUiOm51bGx9LCJEYXRlU3R5bGUiOnsiJGlkIjoiMTg3IiwiRm9udFNldHRpbmdzIjp7IiRpZCI6IjE4OCIsIkZvbnRTaXplIjoxMCwiRm9udE5hbWUiOiJBcmlhbCIsIklzQm9sZCI6ZmFsc2UsIklzSXRhbGljIjpmYWxzZSwiSXNVbmRlcmxpbmVkIjpmYWxzZSwiUGFyZW50U3R5bGUiOm51bGx9LCJBdXRvU2l6ZSI6MiwiRm9yZWdyb3VuZCI6eyIkaWQiOiIxODkiLCJDb2xvciI6eyIkaWQiOiIxOTA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OTEiLCJDb2xvciI6eyIkaWQiOiIxOTIiLCJBIjowLCJSIjoyNTUsIkciOjI1NSwiQiI6MjU1fX0sIklzVmlzaWJsZSI6dHJ1ZSwiV2lkdGgiOjAuMCwiSGVpZ2h0IjowLjAsIkJvcmRlclN0eWxlIjpudWxsLCJQYXJlbnRTdHlsZSI6bnVsbH0sIkRhdGVGb3JtYXQiOnsiJGlkIjoiMTk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yMDkiLCJDb2xvciI6eyIkaWQiOiIyMTAiLCJBIjowLCJSIjoyNTUsIkciOjI1NSwiQiI6MjU1fX0sIklzVmlzaWJsZSI6dHJ1ZSwiV2lkdGgiOjAuMCwiSGVpZ2h0IjowLjAsIkJvcmRlclN0eWxlIjpudWxsLCJQYXJlbnRTdHlsZSI6bnVsbH0sIkRhdGVTdHlsZSI6eyIkaWQiOiIyMTEiLCJGb250U2V0dGluZ3MiOnsiJGlkIjoiMjEyIiwiRm9udFNpemUiOjEwLCJGb250TmFtZSI6IkFyaWFsIiwiSXNCb2xkIjpmYWxzZSwiSXNJdGFsaWMiOmZhbHNlLCJJc1VuZGVybGluZWQiOmZhbHNlLCJQYXJlbnRTdHlsZSI6bnVsbH0sIkF1dG9TaXplIjoyLCJGb3JlZ3JvdW5kIjp7IiRpZCI6IjIxMyIsIkNvbG9yIjp7IiRpZCI6IjIxN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IxNSIsIkNvbG9yIjp7IiRpZCI6IjIxNiIsIkEiOjAsIlIiOjI1NSwiRyI6MjU1LCJCIjoyNTV9fSwiSXNWaXNpYmxlIjp0cnVlLCJXaWR0aCI6MC4wLCJIZWlnaHQiOjAuMCwiQm9yZGVyU3R5bGUiOm51bGwsIlBhcmVudFN0eWxlIjpudWxsfSwiRGF0ZUZvcm1hdCI6eyIkaWQiOiIyM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IzMiIsIkNvbG9yIjp7IiRpZCI6IjIzMyIsIkEiOjAsIlIiOjI1NSwiRyI6MjU1LCJCIjoyNTV9fSwiSXNWaXNpYmxlIjp0cnVlLCJXaWR0aCI6MC4wLCJIZWlnaHQiOjAuMCwiQm9yZGVyU3R5bGUiOm51bGwsIlBhcmVudFN0eWxlIjpudWxsfSwiRGF0ZVN0eWxlIjp7IiRpZCI6IjIzNCIsIkZvbnRTZXR0aW5ncyI6eyIkaWQiOiIyMzUiLCJGb250U2l6ZSI6MTAsIkZvbnROYW1lIjoiQXJpYWwiLCJJc0JvbGQiOmZhbHNlLCJJc0l0YWxpYyI6ZmFsc2UsIklzVW5kZXJsaW5lZCI6ZmFsc2UsIlBhcmVudFN0eWxlIjpudWxsfSwiQXV0b1NpemUiOjIsIkZvcmVncm91bmQiOnsiJGlkIjoiMjM2IiwiQ29sb3IiOnsiJGlkIjoiMjM3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jM4IiwiQ29sb3IiOnsiJGlkIjoiMjM5IiwiQSI6MCwiUiI6MjU1LCJHIjoyNTUsIkIiOjI1NX19LCJJc1Zpc2libGUiOnRydWUsIldpZHRoIjowLjAsIkhlaWdodCI6MC4wLCJCb3JkZXJTdHlsZSI6bnVsbCwiUGFyZW50U3R5bGUiOm51bGx9LCJEYXRlRm9ybWF0Ijp7IiRpZCI6IjI0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zMTUiLCJDb2xvciI6eyIkaWQiOiIzMTYiLCJBIjowLCJSIjoyNTUsIkciOjI1NSwiQiI6MjU1fX0sIklzVmlzaWJsZSI6dHJ1ZSwiV2lkdGgiOjAuMCwiSGVpZ2h0IjowLjAsIkJvcmRlclN0eWxlIjpudWxsLCJQYXJlbnRTdHlsZSI6bnVsbH0sIkRhdGVTdHlsZSI6eyIkaWQiOiIzMTciLCJGb250U2V0dGluZ3MiOnsiJGlkIjoiMzE4IiwiRm9udFNpemUiOjEwLCJGb250TmFtZSI6IkFyaWFsIiwiSXNCb2xkIjpmYWxzZSwiSXNJdGFsaWMiOmZhbHNlLCJJc1VuZGVybGluZWQiOmZhbHNlLCJQYXJlbnRTdHlsZSI6bnVsbH0sIkF1dG9TaXplIjoyLCJGb3JlZ3JvdW5kIjp7IiRpZCI6IjMxOSIsIkNvbG9yIjp7IiRpZCI6IjMyM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MyMSIsIkNvbG9yIjp7IiRpZCI6IjMyMiIsIkEiOjAsIlIiOjI1NSwiRyI6MjU1LCJCIjoyNTV9fSwiSXNWaXNpYmxlIjp0cnVlLCJXaWR0aCI6MC4wLCJIZWlnaHQiOjAuMCwiQm9yZGVyU3R5bGUiOm51bGwsIlBhcmVudFN0eWxlIjpudWxsfSwiRGF0ZUZvcm1hdCI6eyIkaWQiOiIzM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MzgiLCJDb2xvciI6eyIkaWQiOiIzMzkiLCJBIjowLCJSIjoyNTUsIkciOjI1NSwiQiI6MjU1fX0sIklzVmlzaWJsZSI6dHJ1ZSwiV2lkdGgiOjAuMCwiSGVpZ2h0IjowLjAsIkJvcmRlclN0eWxlIjpudWxsLCJQYXJlbnRTdHlsZSI6bnVsbH0sIkRhdGVTdHlsZSI6eyIkaWQiOiIzNDAiLCJGb250U2V0dGluZ3MiOnsiJGlkIjoiMzQxIiwiRm9udFNpemUiOjEwLCJGb250TmFtZSI6IkFyaWFsIiwiSXNCb2xkIjpmYWxzZSwiSXNJdGFsaWMiOmZhbHNlLCJJc1VuZGVybGluZWQiOmZhbHNlLCJQYXJlbnRTdHlsZSI6bnVsbH0sIkF1dG9TaXplIjoyLCJGb3JlZ3JvdW5kIjp7IiRpZCI6IjM0MiIsIkNvbG9yIjp7IiRpZCI6IjM0My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M0NCIsIkNvbG9yIjp7IiRpZCI6IjM0NSIsIkEiOjAsIlIiOjI1NSwiRyI6MjU1LCJCIjoyNTV9fSwiSXNWaXNpYmxlIjp0cnVlLCJXaWR0aCI6MC4wLCJIZWlnaHQiOjAuMCwiQm9yZGVyU3R5bGUiOm51bGwsIlBhcmVudFN0eWxlIjpudWxsfSwiRGF0ZUZvcm1hdCI6eyIkaWQiOiIzN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YyIiwiQ29sb3IiOnsiJGlkIjoiMzYzIiwiQSI6MCwiUiI6MjU1LCJHIjoyNTUsIkIiOjI1NX19LCJJc1Zpc2libGUiOnRydWUsIldpZHRoIjowLjAsIkhlaWdodCI6MC4wLCJCb3JkZXJTdHlsZSI6bnVsbCwiUGFyZW50U3R5bGUiOm51bGx9LCJEYXRlU3R5bGUiOnsiJGlkIjoiMzY0IiwiRm9udFNldHRpbmdzIjp7IiRpZCI6IjM2NSIsIkZvbnRTaXplIjoxMCwiRm9udE5hbWUiOiJBcmlhbCIsIklzQm9sZCI6ZmFsc2UsIklzSXRhbGljIjpmYWxzZSwiSXNVbmRlcmxpbmVkIjpmYWxzZSwiUGFyZW50U3R5bGUiOm51bGx9LCJBdXRvU2l6ZSI6MiwiRm9yZWdyb3VuZCI6eyIkaWQiOiIzNjYiLCJDb2xvciI6eyIkaWQiOiIzNjc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zNjgiLCJDb2xvciI6eyIkaWQiOiIzNjkiLCJBIjowLCJSIjoyNTUsIkciOjI1NSwiQiI6MjU1fX0sIklzVmlzaWJsZSI6dHJ1ZSwiV2lkdGgiOjAuMCwiSGVpZ2h0IjowLjAsIkJvcmRlclN0eWxlIjpudWxsLCJQYXJlbnRTdHlsZSI6bnVsbH0sIkRhdGVGb3JtYXQiOnsiJGlkIjoiMzc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zg1IiwiQ29sb3IiOnsiJGlkIjoiMzg2IiwiQSI6MCwiUiI6MjU1LCJHIjoyNTUsIkIiOjI1NX19LCJJc1Zpc2libGUiOnRydWUsIldpZHRoIjowLjAsIkhlaWdodCI6MC4wLCJCb3JkZXJTdHlsZSI6bnVsbCwiUGFyZW50U3R5bGUiOm51bGx9LCJEYXRlU3R5bGUiOnsiJGlkIjoiMzg3IiwiRm9udFNldHRpbmdzIjp7IiRpZCI6IjM4OCIsIkZvbnRTaXplIjoxMCwiRm9udE5hbWUiOiJBcmlhbCIsIklzQm9sZCI6ZmFsc2UsIklzSXRhbGljIjpmYWxzZSwiSXNVbmRlcmxpbmVkIjpmYWxzZSwiUGFyZW50U3R5bGUiOm51bGx9LCJBdXRvU2l6ZSI6MiwiRm9yZWdyb3VuZCI6eyIkaWQiOiIzODkiLCJDb2xvciI6eyIkaWQiOiIzOTA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zOTEiLCJDb2xvciI6eyIkaWQiOiIzOTIiLCJBIjowLCJSIjoyNTUsIkciOjI1NSwiQiI6MjU1fX0sIklzVmlzaWJsZSI6dHJ1ZSwiV2lkdGgiOjAuMCwiSGVpZ2h0IjowLjAsIkJvcmRlclN0eWxlIjpudWxsLCJQYXJlbnRTdHlsZSI6bnVsbH0sIkRhdGVGb3JtYXQiOnsiJGlkIjoiMzk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A5IiwiQ29sb3IiOnsiJGlkIjoiNDEwIiwiQSI6MCwiUiI6MjU1LCJHIjoyNTUsIkIiOjI1NX19LCJJc1Zpc2libGUiOnRydWUsIldpZHRoIjowLjAsIkhlaWdodCI6MC4wLCJCb3JkZXJTdHlsZSI6bnVsbCwiUGFyZW50U3R5bGUiOm51bGx9LCJEYXRlU3R5bGUiOnsiJGlkIjoiNDExIiwiRm9udFNldHRpbmdzIjp7IiRpZCI6IjQxMiIsIkZvbnRTaXplIjoxMCwiRm9udE5hbWUiOiJBcmlhbCIsIklzQm9sZCI6ZmFsc2UsIklzSXRhbGljIjpmYWxzZSwiSXNVbmRlcmxpbmVkIjpmYWxzZSwiUGFyZW50U3R5bGUiOm51bGx9LCJBdXRvU2l6ZSI6MiwiRm9yZWdyb3VuZCI6eyIkaWQiOiI0MTMiLCJDb2xvciI6eyIkaWQiOiI0MTQ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0MTUiLCJDb2xvciI6eyIkaWQiOiI0MTYiLCJBIjowLCJSIjoyNTUsIkciOjI1NSwiQiI6MjU1fX0sIklzVmlzaWJsZSI6dHJ1ZSwiV2lkdGgiOjAuMCwiSGVpZ2h0IjowLjAsIkJvcmRlclN0eWxlIjpudWxsLCJQYXJlbnRTdHlsZSI6bnVsbH0sIkRhdGVGb3JtYXQiOnsiJGlkIjoiNDE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QzMiIsIkNvbG9yIjp7IiRpZCI6IjQzMyIsIkEiOjAsIlIiOjI1NSwiRyI6MjU1LCJCIjoyNTV9fSwiSXNWaXNpYmxlIjp0cnVlLCJXaWR0aCI6MC4wLCJIZWlnaHQiOjAuMCwiQm9yZGVyU3R5bGUiOm51bGwsIlBhcmVudFN0eWxlIjpudWxsfSwiRGF0ZVN0eWxlIjp7IiRpZCI6IjQzNCIsIkZvbnRTZXR0aW5ncyI6eyIkaWQiOiI0MzUiLCJGb250U2l6ZSI6MTAsIkZvbnROYW1lIjoiQXJpYWwiLCJJc0JvbGQiOmZhbHNlLCJJc0l0YWxpYyI6ZmFsc2UsIklzVW5kZXJsaW5lZCI6ZmFsc2UsIlBhcmVudFN0eWxlIjpudWxsfSwiQXV0b1NpemUiOjIsIkZvcmVncm91bmQiOnsiJGlkIjoiNDM2IiwiQ29sb3IiOnsiJGlkIjoiNDM3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DM4IiwiQ29sb3IiOnsiJGlkIjoiNDM5IiwiQSI6MCwiUiI6MjU1LCJHIjoyNTUsIkIiOjI1NX19LCJJc1Zpc2libGUiOnRydWUsIldpZHRoIjowLjAsIkhlaWdodCI6MC4wLCJCb3JkZXJTdHlsZSI6bnVsbCwiUGFyZW50U3R5bGUiOm51bGx9LCJEYXRlRm9ybWF0Ijp7IiRpZCI6IjQ0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DU1IiwiQ29sb3IiOnsiJGlkIjoiNDU2IiwiQSI6MCwiUiI6MjU1LCJHIjoyNTUsIkIiOjI1NX19LCJJc1Zpc2libGUiOnRydWUsIldpZHRoIjowLjAsIkhlaWdodCI6MC4wLCJCb3JkZXJTdHlsZSI6bnVsbCwiUGFyZW50U3R5bGUiOm51bGx9LCJEYXRlU3R5bGUiOnsiJGlkIjoiNDU3IiwiRm9udFNldHRpbmdzIjp7IiRpZCI6IjQ1OCIsIkZvbnRTaXplIjoxMCwiRm9udE5hbWUiOiJBcmlhbCIsIklzQm9sZCI6ZmFsc2UsIklzSXRhbGljIjpmYWxzZSwiSXNVbmRlcmxpbmVkIjpmYWxzZSwiUGFyZW50U3R5bGUiOm51bGx9LCJBdXRvU2l6ZSI6MiwiRm9yZWdyb3VuZCI6eyIkaWQiOiI0NTkiLCJDb2xvciI6eyIkaWQiOiI0NjA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0NjEiLCJDb2xvciI6eyIkaWQiOiI0NjIiLCJBIjowLCJSIjoyNTUsIkciOjI1NSwiQiI6MjU1fX0sIklzVmlzaWJsZSI6dHJ1ZSwiV2lkdGgiOjAuMCwiSGVpZ2h0IjowLjAsIkJvcmRlclN0eWxlIjpudWxsLCJQYXJlbnRTdHlsZSI6bnVsbH0sIkRhdGVGb3JtYXQiOnsiJGlkIjoiNDY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Q3OSIsIkNvbG9yIjp7IiRpZCI6IjQ4MCIsIkEiOjAsIlIiOjI1NSwiRyI6MjU1LCJCIjoyNTV9fSwiSXNWaXNpYmxlIjp0cnVlLCJXaWR0aCI6MC4wLCJIZWlnaHQiOjAuMCwiQm9yZGVyU3R5bGUiOm51bGwsIlBhcmVudFN0eWxlIjpudWxsfSwiRGF0ZVN0eWxlIjp7IiRpZCI6IjQ4MSIsIkZvbnRTZXR0aW5ncyI6eyIkaWQiOiI0ODIiLCJGb250U2l6ZSI6MTAsIkZvbnROYW1lIjoiQXJpYWwiLCJJc0JvbGQiOmZhbHNlLCJJc0l0YWxpYyI6ZmFsc2UsIklzVW5kZXJsaW5lZCI6ZmFsc2UsIlBhcmVudFN0eWxlIjpudWxsfSwiQXV0b1NpemUiOjIsIkZvcmVncm91bmQiOnsiJGlkIjoiNDgzIiwiQ29sb3IiOnsiJGlkIjoiNDg0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Dg1IiwiQ29sb3IiOnsiJGlkIjoiNDg2IiwiQSI6MCwiUiI6MjU1LCJHIjoyNTUsIkIiOjI1NX19LCJJc1Zpc2libGUiOnRydWUsIldpZHRoIjowLjAsIkhlaWdodCI6MC4wLCJCb3JkZXJTdHlsZSI6bnVsbCwiUGFyZW50U3R5bGUiOm51bGx9LCJEYXRlRm9ybWF0Ijp7IiRpZCI6IjQ4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g4IiwiRGF0ZVBhcnRJc1Zpc2libGUiOnRydWUsIlRpbWVQYXJ0SXNWaXNpYmxlIjpmYWxzZX19LCJXZWVrTnVtYmVyaW5nIjp7IiRpZCI6IjQ4OS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1MDMiLCJDb2xvciI6eyIkaWQiOiI1MDQiLCJBIjowLCJSIjoyNTUsIkciOjI1NSwiQiI6MjU1fX0sIklzVmlzaWJsZSI6dHJ1ZSwiV2lkdGgiOjAuMCwiSGVpZ2h0IjowLjAsIkJvcmRlclN0eWxlIjpudWxsLCJQYXJlbnRTdHlsZSI6bnVsbH0sIkRhdGVTdHlsZSI6eyIkaWQiOiI1MDUiLCJGb250U2V0dGluZ3MiOnsiJGlkIjoiNTA2IiwiRm9udFNpemUiOjgsIkZvbnROYW1lIjoiQXJpYWwiLCJJc0JvbGQiOmZhbHNlLCJJc0l0YWxpYyI6ZmFsc2UsIklzVW5kZXJsaW5lZCI6ZmFsc2UsIlBhcmVudFN0eWxlIjpudWxsfSwiQXV0b1NpemUiOjAsIkZvcmVncm91bmQiOnsiJGlkIjoiNTA3IiwiQ29sb3IiOnsiJGlkIjoiNTA4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UwOSIsIkNvbG9yIjp7IiRpZCI6IjUxMCIsIkEiOjAsIlIiOjI1NSwiRyI6MjU1LCJCIjoyNTV9fSwiSXNWaXNpYmxlIjp0cnVlLCJXaWR0aCI6MC4wLCJIZWlnaHQiOjAuMCwiQm9yZGVyU3R5bGUiOm51bGwsIlBhcmVudFN0eWxlIjpudWxsfSwiRGF0ZUZvcm1hdCI6eyIkaWQiOiI1M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Q3IiwiVG9wIjowLjAsIkxlZnQiOjAuMCwiUmlnaHQiOjAuMCwiQm90dG9tIjowLjB9LCJQYWRkaW5nIjp7IiRpZCI6Ijc0OCIsIlRvcCI6MC4wLCJMZWZ0IjowLjAsIlJpZ2h0IjowLjAsIkJvdHRvbSI6MC4wfSwiQmFja2dyb3VuZCI6eyIkaWQiOiI3NDkiLCJDb2xvciI6eyIkaWQiOiI3NTAiLCJBIjowLCJSIjowLCJHIjowLCJCIjowfX0sIklzVmlzaWJsZSI6dHJ1ZSwiV2lkdGgiOjAuMCwiSGVpZ2h0IjowLjAsIkJvcmRlclN0eWxlIjpudWxsLCJQYXJlbnRTdHlsZSI6bnVsbH0sIkRhdGVGb3JtYXQiOnsiJGlkIjoiNz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MiIsIkZvcm1hdCI6MCwiSXNWaXNpYmxlIjpmYWxzZSwiTGFzdEtub3duVmlzaWJpbGl0eVN0YXRlIjpmYWxzZX0sIklzVmlzaWJsZSI6dHJ1ZSwiUGFyZW50U3R5bGUiOm51bGwsIl9leHBsaWNpdGx5U2V0Ijp7IiRpZCI6Ijc1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3NjMiLCJDb2xvciI6eyIkaWQiOiI3NjQiLCJBIjowLCJSIjowLCJHIjowLCJCIjowfX0sIklzVmlzaWJsZSI6dHJ1ZSwiV2lkdGgiOjAuMCwiSGVpZ2h0IjowLjAsIkJvcmRlclN0eWxlIjpudWxsLCJQYXJlbnRTdHlsZSI6bnVsbH0sIkRhdGVTdHlsZSI6eyIkaWQiOiI3NjUiLCJGb250U2V0dGluZ3MiOnsiJGlkIjoiNzY2IiwiRm9udFNpemUiOjEwLCJGb250TmFtZSI6IkFyaWFsIiwiSXNCb2xkIjpmYWxzZSwiSXNJdGFsaWMiOmZhbHNlLCJJc1VuZGVybGluZWQiOmZhbHNlLCJQYXJlbnRTdHlsZSI6bnVsbH0sIkF1dG9TaXplIjowLCJGb3JlZ3JvdW5kIjp7IiRyZWYiOiI1MDc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zY3IiwiQ29sb3IiOnsiJGlkIjoiNzY4IiwiQSI6MCwiUiI6MCwiRyI6MCwiQiI6MH19LCJJc1Zpc2libGUiOnRydWUsIldpZHRoIjowLjAsIkhlaWdodCI6MC4wLCJCb3JkZXJTdHlsZSI6bnVsbCwiUGFyZW50U3R5bGUiOm51bGx9LCJEYXRlRm9ybWF0Ijp7IiRpZCI6Ijc2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nsiJGlkIjoiODUyIiwiQ29sb3IiOnsiJGlkIjoiODUzIiwiQSI6MCwiUiI6MjU1LCJHIjoyNTUsIkIiOjI1NX19LCJJc1Zpc2libGUiOnRydWUsIldpZHRoIjowLjAsIkhlaWdodCI6MC4wLCJCb3JkZXJTdHlsZSI6eyIkaWQiOiI4NTQiLCJMaW5lQ29sb3IiOm51bGwsIkxpbmVXZWlnaHQiOjAuMCwiTGluZVR5cGUiOjAsIlBhcmVudFN0eWxlIjpudWxsfSwiUGFyZW50U3R5bGUiOm51bGx9LCJEYXRlRm9ybWF0Ijp7IiRpZCI6Ijg1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TdHlsZSI6eyIkaWQiOiI5NjAiLCJGb250U2V0dGluZ3MiOnsiJGlkIjoiOTYxIiwiRm9udFNpemUiOjEwLCJGb250TmFtZSI6IkFyaWFsIiwiSXNCb2xkIjpmYWxzZSwiSXNJdGFsaWMiOmZhbHNlLCJJc1VuZGVybGluZWQiOmZhbHNlLCJQYXJlbnRTdHlsZSI6bnVsbH0sIkF1dG9TaXplIjowLCJGb3JlZ3JvdW5kIjp7IiRpZCI6Ijk2MiIsIkNvbG9yIjp7IiRpZCI6Ijk2My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yZWYiOiI2OTcifSwiUGFkZGluZyI6eyIkcmVmIjoiNjk4In0sIkJhY2tncm91bmQiOnsiJGlkIjoiMTA5NCIsIkNvbG9yIjp7IiRpZCI6IjEwOTUiLCJBIjowLCJSIjoyNTUsIkciOjI1NSwiQiI6MjU1fX0sIklzVmlzaWJsZSI6dHJ1ZSwiV2lkdGgiOjAuMCwiSGVpZ2h0IjowLjAsIkJvcmRlclN0eWxlIjp7IiRpZCI6IjEwOTYiLCJMaW5lQ29sb3IiOm51bGwsIkxpbmVXZWlnaHQiOjAuMCwiTGluZVR5cGUiOjAsIlBhcmVudFN0eWxlIjpudWxsfSwiUGFyZW50U3R5bGUiOm51bGx9LCJEYXRlRm9ybWF0Ijp7IiRpZCI6IjEwO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wLjAsXCJQYWRkaW5nXCI6e1wiJGlkXCI6XCI5MFwiLFwiVG9wXCI6NS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E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MCxcIlJcIjowLFwiR1wiOjAsXCJCXCI6MH19LFwiSXNWaXNpYmxlXCI6dHJ1ZSxcIldpZHRoXCI6MC4wLFwiSGVpZ2h0XCI6MC4wLFwiQm9yZGVyU3R5bGVcIjpudWxsfSxcIkRhdGVTdHlsZVwiOntcIiRpZFwiOlwiMTIzXCIsXCJGb250U2V0dGluZ3NcIjp7XCIkaWRcIjpcIjEyNFwiLFwiRm9udFNpemVcIjoxMCxcIkZvbnROYW1lXCI6XCJDYWxpYnJpXCIsXCJJc0JvbGRcIjpmYWxzZSxcIklzSXRhbGljXCI6ZmFsc2UsXCJJc1VuZGVybGluZWRcIjpmYWxzZX0sXCJBdXRvU2l6ZVwiOjAsXCJGb3JlZ3JvdW5kXCI6e1wiJGlkXCI6XCIxMjVcIixcIkNvbG9yXCI6e1wiJGlkXCI6XCIx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zNlwifX0sXCJJc1Zpc2libGVcIjp0cnVlLFwiV2lkdGhcIjowLjAsXCJIZWlnaHRcIjowLjAsXCJCb3JkZXJTdHlsZVwiOm51bGx9LFwiRHVyYXRpb25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3OVwiLFwiVG9wXCI6MC4wLFwiTGVmdFwiOjAuMCxcIlJpZ2h0XCI6MC4wLFwiQm90dG9tXCI6MC4wfSxcIlBhZGRpbmdcIjp7XCIkaWRcIjpcIjE4MFwiLFwiVG9wXCI6MC4wLFwiTGVmdFwiOjAuMCxcIlJpZ2h0XCI6MC4wLFwiQm90dG9tXCI6MC4wfSxcIkJhY2tncm91bmRcIjp7XCIkaWRcIjpcIjE4MVwiLFwiQ29sb3JcIjp7XCIkcmVmXCI6XCIzNlwifX0sXCJJc1Zpc2libGVcIjp0cnVlLFwiV2lkdGhcIjowLjAsXCJIZWlnaHRcIjowLjAsXCJCb3JkZXJTdHlsZVwiOm51bGx9LFwiRGF0ZUZvcm1hdFwiOntcIiRpZFwiOlwiMTg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ODNcIixcIkhlYWRlclN0eWxlXCI6e1wiJGlkXCI6XCIxODRcIixcIlRleHRTdHlsZVwiOntcIiRpZFwiOlwiMTg1XCIsXCJGb250U2V0dGluZ3NcIjp7XCIkaWRcIjpcIjE4NlwiLFwiRm9udFNpemVcIjoxMixcIkZvbnROYW1lXCI6XCJDYWxpYnJpXCIsXCJJc0JvbGRcIjpmYWxzZSxcIklzSXRhbGljXCI6ZmFsc2UsXCJJc1VuZGVybGluZWRcIjpmYWxzZX0sXCJBdXRvU2l6ZVwiOjAsXCJGb3JlZ3JvdW5kXCI6e1wiJGlkXCI6XCIxODdcIixcIkNvbG9yXCI6e1wiJGlkXCI6XCIx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MDY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ExMD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Eras tour"/>
  <p:tag name="OTLDATE" val="2023-03-15T23:59:00.0000000"/>
  <p:tag name="OTLPOSITIONONTASK" val="None"/>
  <p:tag name="OTLRELATEDTASKID" val="00000000-0000-0000-0000-00000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Fastest selling single in digital history"/>
  <p:tag name="OTLDATE" val="2012-08-14T23:59:00.000000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illionaire status"/>
  <p:tag name="OTLDATE" val="2023-10-27T23:59:00.0000000"/>
  <p:tag name="OTLPOSITIONONTASK" val="None"/>
  <p:tag name="OTLRELATEDTASKID" val="00000000-0000-0000-0000-000000000000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ABOVEFORSWLANDTASKS" val="5"/>
  <p:tag name="OTLTIMEBANDSPACINGBELOWFORSWLANDTASKS" val="5"/>
  <p:tag name="OTLTIMEBANDSPACINGBELOW" val="10"/>
  <p:tag name="OTLTIMEBANDAUTODATERANGE" val="False"/>
  <p:tag name="OTLTIMEBANDSTARTDATE" val="1989-12-13T23:59:00.0000000"/>
  <p:tag name="OTLTIMEBANDENDDATE" val="2024-12-31T23:59:00.0000000"/>
  <p:tag name="OTLTIMEBANDQUICKPOSITION" val="Custom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6-10-26T23:59:00.0000000"/>
  <p:tag name="OTLPOSITIONONTASK" val="None"/>
  <p:tag name="OTLRELATEDTASKID" val="00000000-0000-0000-0000-000000000000"/>
  <p:tag name="OTLMTITLE" val="“Taylor Swift”"/>
  <p:tag name="OTLMILESTONESPACING" val="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8-11-11T23:59:00.0000000"/>
  <p:tag name="OTLPOSITIONONTASK" val="None"/>
  <p:tag name="OTLRELATEDTASKID" val="00000000-0000-0000-0000-000000000000"/>
  <p:tag name="OTLMTITLE" val="“Fearless” "/>
  <p:tag name="OTLMILESTONESPACING" val="3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0-10-25T23:59:00.0000000"/>
  <p:tag name="OTLPOSITIONONTASK" val="None"/>
  <p:tag name="OTLRELATEDTASKID" val="00000000-0000-0000-0000-000000000000"/>
  <p:tag name="OTLMTITLE" val="“Speak Now” "/>
  <p:tag name="OTLMILESTONESPACING" val="3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2-10-22T23:59:00.0000000"/>
  <p:tag name="OTLPOSITIONONTASK" val="None"/>
  <p:tag name="OTLRELATEDTASKID" val="00000000-0000-0000-0000-000000000000"/>
  <p:tag name="OTLMTITLE" val="“Red”"/>
  <p:tag name="OTLMILESTONESPACING" val="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4-10-27T23:59:00.0000000"/>
  <p:tag name="OTLPOSITIONONTASK" val="None"/>
  <p:tag name="OTLRELATEDTASKID" val="00000000-0000-0000-0000-000000000000"/>
  <p:tag name="OTLMTITLE" val="“1989”"/>
  <p:tag name="OTLMILESTONESPACING" val="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11-10T23:59:00.0000000"/>
  <p:tag name="OTLPOSITIONONTASK" val="None"/>
  <p:tag name="OTLRELATEDTASKID" val="00000000-0000-0000-0000-000000000000"/>
  <p:tag name="OTLMTITLE" val="“Reputation” "/>
  <p:tag name="OTLMILESTONESPACING" val="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9-08-23T23:59:00.0000000"/>
  <p:tag name="OTLPOSITIONONTASK" val="None"/>
  <p:tag name="OTLRELATEDTASKID" val="00000000-0000-0000-0000-000000000000"/>
  <p:tag name="OTLMTITLE" val="“Lover”"/>
  <p:tag name="OTLMILESTONESPACING" val="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7-24T23:59:00.0000000"/>
  <p:tag name="OTLPOSITIONONTASK" val="None"/>
  <p:tag name="OTLRELATEDTASKID" val="00000000-0000-0000-0000-000000000000"/>
  <p:tag name="OTLMTITLE" val="“Folklore”"/>
  <p:tag name="OTLMILESTONESPACING" val="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12-11T23:59:00.0000000"/>
  <p:tag name="OTLPOSITIONONTASK" val="None"/>
  <p:tag name="OTLRELATEDTASKID" val="00000000-0000-0000-0000-000000000000"/>
  <p:tag name="OTLMTITLE" val="“Evermore”"/>
  <p:tag name="OTLMILESTONESPACING" val="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21T23:59:00.0000000"/>
  <p:tag name="OTLPOSITIONONTASK" val="None"/>
  <p:tag name="OTLRELATEDTASKID" val="00000000-0000-0000-0000-000000000000"/>
  <p:tag name="OTLMTITLE" val="“Midnights”"/>
  <p:tag name="OTLMILESTONESPACING" val="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7-11-15T23:59:00.0000000"/>
  <p:tag name="OTLPOSITIONONTASK" val="None"/>
  <p:tag name="OTLRELATEDTASKID" val="00000000-0000-0000-0000-000000000000"/>
  <p:tag name="OTLMTITLE" val="Best New Artist Horizon Award"/>
  <p:tag name="OTLMILESTONESPACING" val="4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9-04-01T23:59:00.0000000"/>
  <p:tag name="OTLPOSITIONONTASK" val="None"/>
  <p:tag name="OTLRELATEDTASKID" val="00000000-0000-0000-0000-000000000000"/>
  <p:tag name="OTLMTITLE" val="ACM Award - Album of the Year (“Fearless”)"/>
  <p:tag name="OTLMILESTONESPACING" val="4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MA Award - Best Female Video"/>
  <p:tag name="OTLDATE" val="2009-09-30T23:59:00.0000000"/>
  <p:tag name="OTLPOSITIONONTASK" val="None"/>
  <p:tag name="OTLRELATEDTASKID" val="00000000-0000-0000-0000-000000000000"/>
  <p:tag name="OTLMILESTONESPACING" val="4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4 Grammys, including for Album of the Year"/>
  <p:tag name="OTLDATE" val="2010-01-01T23:59:00.0000000"/>
  <p:tag name="OTLPOSITIONONTASK" val="None"/>
  <p:tag name="OTLRELATEDTASKID" val="00000000-0000-0000-0000-000000000000"/>
  <p:tag name="OTLMILESTONESPACING" val="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tertainer of the Year CMA Award"/>
  <p:tag name="OTLDATE" val="2011-01-01T23:59:00.0000000"/>
  <p:tag name="OTLPOSITIONONTASK" val="None"/>
  <p:tag name="OTLRELATEDTASKID" val="00000000-0000-0000-0000-000000000000"/>
  <p:tag name="OTLMILESTONESPACING" val="4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14-11-29T23:59:00.0000000"/>
  <p:tag name="OTLMTITLE" val="Grammy - Album of the Year (“1989”)"/>
  <p:tag name="OTLMILESTONESPACING" val="4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1T23:59:00.0000000"/>
  <p:tag name="OTLPOSITIONONTASK" val="None"/>
  <p:tag name="OTLRELATEDTASKID" val="00000000-0000-0000-0000-000000000000"/>
  <p:tag name="OTLMTITLE" val="Grammy - Album of the Year (“Folklore”)"/>
  <p:tag name="OTLMILESTONESPACING" val="4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9 MTV Video Music Awards"/>
  <p:tag name="OTLDATE" val="2023-09-12T23:59:00.0000000"/>
  <p:tag name="OTLPOSITIONONTASK" val="None"/>
  <p:tag name="OTLRELATEDTASKID" val="00000000-0000-0000-0000-000000000000"/>
  <p:tag name="OTLMILESTONESPACING" val="4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leases 1st single"/>
  <p:tag name="OTLDATE" val="2006-01-01T23:59:00.0000000"/>
  <p:tag name="OTLPOSITIONONTASK" val="None"/>
  <p:tag name="OTLRELATEDTASKID" val="00000000-0000-0000-0000-00000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ylor Alison Swift is born"/>
  <p:tag name="OTLDATE" val="1989-12-13T23:59:00.0000000"/>
  <p:tag name="OTLPOSITIONONTASK" val="None"/>
  <p:tag name="OTLRELATEDTASKID" val="00000000-0000-0000-0000-00000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earns to play guitar"/>
  <p:tag name="OTLDATE" val="2001-01-01T23:59:00.0000000"/>
  <p:tag name="OTLPOSITIONONTASK" val="None"/>
  <p:tag name="OTLRELATEDTASKID" val="00000000-0000-0000-0000-00000000000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tour as headliner"/>
  <p:tag name="OTLDATE" val="2009-01-01T23:59:00.0000000"/>
  <p:tag name="OTLPOSITIONONTASK" val="None"/>
  <p:tag name="OTLRELATEDTASKID" val="00000000-0000-0000-0000-00000000000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1T23:59:00.0000000"/>
  <p:tag name="OTLPOSITIONONTASK" val="None"/>
  <p:tag name="OTLRELATEDTASKID" val="00000000-0000-0000-0000-000000000000"/>
  <p:tag name="OTLMTITLE" val="Re-recording of her early albums begins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69</Words>
  <Application>Microsoft Office PowerPoint</Application>
  <PresentationFormat>Widescreen</PresentationFormat>
  <Paragraphs>7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Arial Black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10-18T14:24:40Z</dcterms:created>
  <dcterms:modified xsi:type="dcterms:W3CDTF">2023-10-30T08:59:23Z</dcterms:modified>
</cp:coreProperties>
</file>